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328"/>
  <workbookPr filterPrivacy="1"/>
  <xr:revisionPtr revIDLastSave="8360" documentId="8_{F133CE73-B771-4FE7-BD75-85B7C72615EA}" xr6:coauthVersionLast="47" xr6:coauthVersionMax="47" xr10:uidLastSave="{5B33127A-61AF-42E1-9FF8-696CDD37EBCB}"/>
  <bookViews>
    <workbookView xWindow="-110" yWindow="-110" windowWidth="19420" windowHeight="10300" tabRatio="806" activeTab="1" xr2:uid="{00000000-000D-0000-FFFF-FFFF00000000}"/>
  </bookViews>
  <sheets>
    <sheet name="1) Initial Data" sheetId="1" r:id="rId1"/>
    <sheet name="2) Final Data" sheetId="5"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F42" i="5" l="1"/>
  <c r="F178" i="5" l="1"/>
  <c r="E129" i="5"/>
  <c r="E101" i="5"/>
  <c r="E71" i="5"/>
  <c r="E65" i="5"/>
  <c r="E46" i="5"/>
  <c r="E41" i="5"/>
  <c r="E27" i="5"/>
  <c r="G216" i="5"/>
  <c r="F216" i="5"/>
  <c r="H216" i="5" s="1"/>
  <c r="G215" i="5"/>
  <c r="F215" i="5"/>
  <c r="H215" i="5" s="1"/>
  <c r="G214" i="5"/>
  <c r="F214" i="5"/>
  <c r="H214" i="5" s="1"/>
  <c r="G213" i="5"/>
  <c r="F213" i="5"/>
  <c r="H213" i="5" s="1"/>
  <c r="G210" i="5"/>
  <c r="F210" i="5"/>
  <c r="H210" i="5" s="1"/>
  <c r="G209" i="5"/>
  <c r="F209" i="5"/>
  <c r="H209" i="5" s="1"/>
  <c r="F177" i="5"/>
  <c r="F176" i="5"/>
  <c r="F175" i="5"/>
  <c r="F174" i="5"/>
  <c r="F173" i="5"/>
  <c r="E89" i="5" l="1"/>
  <c r="E179" i="5"/>
  <c r="F179" i="5"/>
  <c r="F199" i="5" s="1"/>
  <c r="E187" i="5" l="1"/>
  <c r="E199" i="5"/>
  <c r="E184" i="5"/>
  <c r="E183" i="5"/>
  <c r="E182" i="5"/>
  <c r="E186" i="5"/>
  <c r="E185" i="5"/>
  <c r="E188" i="5" l="1"/>
</calcChain>
</file>

<file path=xl/sharedStrings.xml><?xml version="1.0" encoding="utf-8"?>
<sst xmlns="http://schemas.openxmlformats.org/spreadsheetml/2006/main" count="2302" uniqueCount="763">
  <si>
    <r>
      <t>Objetivo desta guia:</t>
    </r>
    <r>
      <rPr>
        <b/>
        <sz val="12"/>
        <color rgb="FFFF0000"/>
        <rFont val="Arial Nova"/>
        <family val="2"/>
      </rPr>
      <t>Observação: essa tabela de dados é opcional. A organização que estiver desenvolvendo um estudo de caso pode usar qualquer formato que achar mais adequado.</t>
    </r>
    <r>
      <rPr>
        <b/>
        <sz val="12"/>
        <color theme="1"/>
        <rFont val="Arial Nova"/>
        <family val="2"/>
      </rPr>
      <t xml:space="preserve">
</t>
    </r>
    <r>
      <rPr>
        <sz val="12"/>
        <color theme="1"/>
        <rFont val="Arial Nova"/>
        <family val="2"/>
      </rPr>
      <t xml:space="preserve">Essa guia é para o parceiro do projeto registrar as respostas dos catadores pesquisados. Os parceiros do projeto podem usar seus telefones ou caneta e papel para coletar as respostas no campo e, em seguida, inserir os dados no Excel quando terminarem de coletar as respostas. As entrevistas podem ser realizadas individualmente ou em grupos. Os dados existentes que a organização possa ter também podem ser aproveitados. 
As entrevistas devem ser conduzidas de forma respeitosa e construtiva. Pode ser necessário reformular o texto. A ordem das perguntas pode ser alterada para criar a sensação de uma discussão informal. Nem todas as perguntas precisam ser feitas, dependendo do contexto local. As perguntas opcionais estão marcadas como tal. Recomenda-se compensar os catadores de materiais recicláveis por seu tempo. Essa guia serve como modelo, mas não precisa necessariamente ser preenchida pelo parceiro do projeto. Isso é para permitir o máximo de flexibilidade ao registrar os resultados da pesquisa. </t>
    </r>
  </si>
  <si>
    <t>Questionário para as entrevistas com catadores</t>
  </si>
  <si>
    <t>Seção 1: Sobre o entrevistado</t>
  </si>
  <si>
    <t xml:space="preserve">1. Gênero </t>
  </si>
  <si>
    <t>Feminino</t>
  </si>
  <si>
    <t>Masculino</t>
  </si>
  <si>
    <t xml:space="preserve">2. Idade </t>
  </si>
  <si>
    <t>37 anos</t>
  </si>
  <si>
    <t>34 anos</t>
  </si>
  <si>
    <t>26 anos</t>
  </si>
  <si>
    <t>52 anos</t>
  </si>
  <si>
    <t>27 anos</t>
  </si>
  <si>
    <t>3. Número de pessoas no domicílio</t>
  </si>
  <si>
    <t>3 pessoas</t>
  </si>
  <si>
    <t>4 pessoas</t>
  </si>
  <si>
    <t>10 pessoas</t>
  </si>
  <si>
    <t>4. Há quantos anos você começou a trabalhar como catador(a)? (opcional)</t>
  </si>
  <si>
    <t>7 anos</t>
  </si>
  <si>
    <t>8 anos</t>
  </si>
  <si>
    <t>15 anos</t>
  </si>
  <si>
    <t>40 anos</t>
  </si>
  <si>
    <t>12 anos</t>
  </si>
  <si>
    <t>13 anos</t>
  </si>
  <si>
    <t>5. Por que você começou a trabalhar como catador(a) (opcional)?</t>
  </si>
  <si>
    <t xml:space="preserve">Trabalhava de diarista, cuidadora, auxiliar geral (intercalava entre essas profissões). Quando o segundo filho nasceu, viu a necessidade de ficar mais tempo em casa, e então começou a trabalhar com diárias em barracões de reciclagem e posteriormente começou a trabalhar de forma autônoma coletando na rua. Percebeu que coletando materiais finos (Materiais com melhor preço) ganharia mais, além disso, conseguia flexibilidade de horários, pois só trabalha quando o filho está na escola ou dormindo. </t>
  </si>
  <si>
    <t>Porque não tinha outra oportunidade de trabalho, a reciclagem foi a maneira que encontrou para conseguir renda, trabalha para se mesmo e gosta do que faz.</t>
  </si>
  <si>
    <t xml:space="preserve">Certa vez, ao colocar o lixo para fora de casa, o irmão que já trabalhava com reciclagem alertou-a sobre o fato de estar "jogando dinheiro fora", pois aquele material poderia ser vendido. Ele pediu que ela juntasse uma quantidade de sacolinhas para ele vender, e quando ela juntou, ele vendeu e mostrou o quanto o material valia, e a partir desse momento ela começou a trabalhar com reciclagem. Passou 1 ano coletando na rua, depois passou 9 anos trabalhando em uma cooperativa, e agora está há quase 3 anos trabalhando de forma autônoma.  </t>
  </si>
  <si>
    <t xml:space="preserve">O marido era pedreiro, quando ele se acidentou e não conseguiu mais trabalhar por conta das suas condições físicas, eles compraram uma kombi e começaram a coletar papelão durante a noite e separar (triar) o material durante o dia. Como deu certo, eles ampliaram os tipos de materiais coletados e trocaram a kombi por um carro com mini reboque. Eles triavam o material em casa, mas também viram a necessidade de ir para um espaço maior, então eles alugaram um terreno perto de casa para trabalhar e estão utilizando-o há 6 anos. </t>
  </si>
  <si>
    <t>Seção 2: Condições de trabalho e organização na gestão de resíduos</t>
  </si>
  <si>
    <t>6. De onde você coleta os materiais? É possível escolher mais de uma opção.</t>
  </si>
  <si>
    <t>Ruas</t>
  </si>
  <si>
    <t>7. Você é um trabalhador independente ou organizado?</t>
  </si>
  <si>
    <t>8 .Você também obtém alguma renda de outras atividades além da coleta de materiais?</t>
  </si>
  <si>
    <t>Sim</t>
  </si>
  <si>
    <t>Não</t>
  </si>
  <si>
    <t>9. Que outras atividades geradoras de renda você tem?</t>
  </si>
  <si>
    <t>10. Quantas horas você trabalha na coleta de materiais por dia?</t>
  </si>
  <si>
    <t>3 horas</t>
  </si>
  <si>
    <t>7 horas</t>
  </si>
  <si>
    <t>12 horas</t>
  </si>
  <si>
    <t>4 horas</t>
  </si>
  <si>
    <t>5 horas</t>
  </si>
  <si>
    <t>11. Quantos dias você trabalha na coleta de materiais por semana?</t>
  </si>
  <si>
    <t>5 dias</t>
  </si>
  <si>
    <t xml:space="preserve">Seção 3: Receitas das atividades de gestão de resíduos </t>
  </si>
  <si>
    <t>12. Onde e para quem você vende os materiais coletados?</t>
  </si>
  <si>
    <t xml:space="preserve">13. Você sabe o preço dos materiais que está coletando antes de vender? </t>
  </si>
  <si>
    <t>14. Quanto tempo depois de coletar os materiais você é pago por eles?</t>
  </si>
  <si>
    <t>Na Entrega</t>
  </si>
  <si>
    <t>Na entrega</t>
  </si>
  <si>
    <t>15. Como você recebe o pagamento?</t>
  </si>
  <si>
    <t>Dinheiro</t>
  </si>
  <si>
    <t>16. Ganhos totais com a coleta de materiais</t>
  </si>
  <si>
    <t>16.i Ganhos totais por mês</t>
  </si>
  <si>
    <t>16.ii Ganhos com o serviço prestado</t>
  </si>
  <si>
    <t>16.iii Ganhos com a venda de materiais</t>
  </si>
  <si>
    <t>17. Ganhos com a venda de materiais:</t>
  </si>
  <si>
    <t>17.1 Plástico, garrafas PET</t>
  </si>
  <si>
    <t>17.2 Plástico, outros rígidos (por exemplo, PEAD)</t>
  </si>
  <si>
    <t>17.3 Plástico, flexíveis</t>
  </si>
  <si>
    <t>17,4 Papel / papelão</t>
  </si>
  <si>
    <t>17,5 Vidro</t>
  </si>
  <si>
    <t>17,6 Latas de alumínio</t>
  </si>
  <si>
    <t>17,7 Outras embalagens metálicas (por exemplo, latas de aço)</t>
  </si>
  <si>
    <t>17,8 Outros metais que não sejam de embalagem (por exemplo, eletrônicos)</t>
  </si>
  <si>
    <t>17.9 Qualquer outro material</t>
  </si>
  <si>
    <t>18. Quilos coletados</t>
  </si>
  <si>
    <t>18.1 Plástico, garrafas PET</t>
  </si>
  <si>
    <t>18.2 Plástico, outros rígidos (por exemplo, PEAD)</t>
  </si>
  <si>
    <t>18.3 Plástico, flexíveis</t>
  </si>
  <si>
    <t>18,4 Papel / papelão</t>
  </si>
  <si>
    <t>18,5 Vidro</t>
  </si>
  <si>
    <t>18,6 Latas de alumínio</t>
  </si>
  <si>
    <t>18,7 Outras embalagens metálicas (por exemplo, latas de aço)</t>
  </si>
  <si>
    <t>18,8 Outros metais que não sejam de embalagem (por exemplo, eletrônicos)</t>
  </si>
  <si>
    <t>18.9 Qualquer outro material</t>
  </si>
  <si>
    <t>19. Quais são suas principais limitações para aumentar a receita das atividades de coleta?</t>
  </si>
  <si>
    <t>Seção 4: Despesas com atividades de gestão de resíduos</t>
  </si>
  <si>
    <t>20. Você tem dívidas ou obrigações com seus compradores?</t>
  </si>
  <si>
    <t>21. Quanto essa atividade (de coleta de materiais) lhe custa?</t>
  </si>
  <si>
    <t>22. Você tem acesso a um veículo? Se sim, qual?</t>
  </si>
  <si>
    <t>Bicicleta</t>
  </si>
  <si>
    <t>Carro Ipanema e 2 carretinhas</t>
  </si>
  <si>
    <t>Nenhum</t>
  </si>
  <si>
    <t xml:space="preserve">Seção 5: Despesas e condições de vida </t>
  </si>
  <si>
    <t>23. Quanto você gasta com alimentação para si mesmo(a) ou para sua família (especifique qual) todos os dias?</t>
  </si>
  <si>
    <t>24. Durante os últimos 12 meses, houve algum momento em que, por falta de dinheiro ou outros recursos:</t>
  </si>
  <si>
    <t>24.1 Você se preocupou em não ter comida suficiente para comer?</t>
  </si>
  <si>
    <t>24.2 Você não pôde comer alimentos saudáveis e nutritivos?</t>
  </si>
  <si>
    <t>24.3 Você comeu apenas alguns tipos de alimentos?</t>
  </si>
  <si>
    <t>SIm</t>
  </si>
  <si>
    <t>24.4 Você teve que pular uma refeição?</t>
  </si>
  <si>
    <t>24,5 Você comeu menos do que achava que deveria?</t>
  </si>
  <si>
    <t>24.6 Você viu sua casa ficar sem comida?</t>
  </si>
  <si>
    <t>24.7 Você estava com fome, mas não comeu?</t>
  </si>
  <si>
    <t>24.8 Você ficou sem comer por um dia inteiro?</t>
  </si>
  <si>
    <t xml:space="preserve">25. Você possui ou tem acesso a uma moradia com? </t>
  </si>
  <si>
    <t>25.1 Uma casa/apartamento construído com materiais adequados</t>
  </si>
  <si>
    <t>25,2 Acesso à eletricidade</t>
  </si>
  <si>
    <t>25.3 Iluminação adequada</t>
  </si>
  <si>
    <t>25.4 Ventilação adequada</t>
  </si>
  <si>
    <t>25,5 Acesso a saneamento seguro (rede de água e esgoto) (&lt;15 pessoas)</t>
  </si>
  <si>
    <t>25,6 Espaço suficiente para viver (35-60m²)</t>
  </si>
  <si>
    <t>25,7 Ambiente externo seguro</t>
  </si>
  <si>
    <t>25,8 Nenhuma atividade de produção ou trabalho realizada no local</t>
  </si>
  <si>
    <t>26. Seu trabalho significa que você fica fora de casa? Em caso afirmativo, onde e como você descreveria sua acomodação.</t>
  </si>
  <si>
    <t>Seção 6: Alternativas de emprego e economia a partir da renda</t>
  </si>
  <si>
    <t>27. Por que você coleta e vende materiais em vez de outro trabalho?</t>
  </si>
  <si>
    <t xml:space="preserve">Por conta da flexibilidade de horários e para que o benefício/auxílio não seja suspenso. </t>
  </si>
  <si>
    <t>Hoje, por conta da idade não daria para arrumar um emprego ganhando o que ganha com a reciclagem.</t>
  </si>
  <si>
    <t>Porque não consegue um trabalho melhor</t>
  </si>
  <si>
    <t>28. Que oportunidades alternativas de emprego você tem?</t>
  </si>
  <si>
    <t>Sim, na área da construção civil.</t>
  </si>
  <si>
    <t>Sim, cozinheira</t>
  </si>
  <si>
    <t>29.  Por quantos dias você conseguiria se manter sem receber nenhuma renda?</t>
  </si>
  <si>
    <t>30.  Você consegue economizar dinheiro para uma situação imprevista?</t>
  </si>
  <si>
    <t>31. Qual é a melhor parte de seu trabalho?</t>
  </si>
  <si>
    <t>Quando enche o carinho de material de recicláveis e volta para casa. Gosta de coletar e separar o material.</t>
  </si>
  <si>
    <t xml:space="preserve">Acha o trabalho terapêutico. Gosta da convivência do dia-a-dia.  </t>
  </si>
  <si>
    <t>É reciclar, sair na rua coletando. O que mais quer é dar o melhor para a família.</t>
  </si>
  <si>
    <t>Quando vende o material</t>
  </si>
  <si>
    <t>Sair para a coleta de materiais</t>
  </si>
  <si>
    <t>O financeiro, o retorno financeiro quando recebe.</t>
  </si>
  <si>
    <t>32. Qual é a pior parte de seu trabalho?</t>
  </si>
  <si>
    <t xml:space="preserve">Quando a rotatividade de dinheiro está baixa e fica sem dinheiro. Isso pode ocorrer devido a despesas emergenciais e preço baixo do material vendido. </t>
  </si>
  <si>
    <t>Objetivo desta guia:</t>
  </si>
  <si>
    <t xml:space="preserve">Essa guia coleta os dados finais da pesquisa, que serão enviados à Systemiq para uma verificação final e uma visualização. </t>
  </si>
  <si>
    <t xml:space="preserve">Os dados finais consistem em três partes: </t>
  </si>
  <si>
    <t>A - Ganhos atuais dos catadores</t>
  </si>
  <si>
    <t>B - Estimativa de uma renda digna</t>
  </si>
  <si>
    <t>C - Compilação de dados de benchmark</t>
  </si>
  <si>
    <t xml:space="preserve">Para cada grupo, há uma célula de entrada (cor verde) e uma célula de explicação que explica a pergunta e o que deve ser inserido. </t>
  </si>
  <si>
    <t xml:space="preserve">Para obter um passo a passo completo das perguntas, consulte o PowerPoint Toolkit. Anote suas suposições críticas no documento modelo do Word fornecido. </t>
  </si>
  <si>
    <t>Observação: As células de entrada estão destacadas em verde. Isso serve para que os parceiros locais do projeto insiram os pontos de dados.</t>
  </si>
  <si>
    <t xml:space="preserve">Observação: As células de cálculos automatizados são destacadas em azul. </t>
  </si>
  <si>
    <r>
      <t xml:space="preserve">Explicação: </t>
    </r>
    <r>
      <rPr>
        <sz val="11"/>
        <color theme="1"/>
        <rFont val="Arial Nova"/>
        <family val="2"/>
      </rPr>
      <t xml:space="preserve">O objetivo desta seção é estimar os ganhos atuais dos catadores. Sugerimos diferentes tipologias para resumir os resultados da pesquisa com os catadores. </t>
    </r>
    <r>
      <rPr>
        <sz val="11"/>
        <color rgb="FFC00000"/>
        <rFont val="Arial Nova"/>
        <family val="2"/>
      </rPr>
      <t>Observe que todas as respostas desta seção devem ser baseadas apenas nas respostas da pesquisa.</t>
    </r>
  </si>
  <si>
    <t>Subcapítulos:</t>
  </si>
  <si>
    <t>Link para a pergunta da pesquisa</t>
  </si>
  <si>
    <t>Categoria</t>
  </si>
  <si>
    <t>Unidade</t>
  </si>
  <si>
    <t>Observação</t>
  </si>
  <si>
    <t>Tipologia dos catadores entrevistados</t>
  </si>
  <si>
    <t>Número de catadores</t>
  </si>
  <si>
    <t>Quantos catadores foram entrevistados no total:</t>
  </si>
  <si>
    <t>Pergunta 1</t>
  </si>
  <si>
    <t>Gênero:</t>
  </si>
  <si>
    <t>Número de mulheres catadoras entrevistadas</t>
  </si>
  <si>
    <t xml:space="preserve">A divisão dos trabalhadores entrevistados deve somar o número total de respondentes. </t>
  </si>
  <si>
    <t>Número de catadores do sexo masculino entrevistados</t>
  </si>
  <si>
    <t xml:space="preserve">Outra ou nenhuma resposta </t>
  </si>
  <si>
    <t>Pergunta 6</t>
  </si>
  <si>
    <t>Fontes de materiais para os catadores no estudo de caso:</t>
  </si>
  <si>
    <t>Quantos catadores obtêm materiais da rua?</t>
  </si>
  <si>
    <t>Os entrevistados podem escolher mais de uma opção</t>
  </si>
  <si>
    <t>Quantos catadores obtêm materiais de residências?</t>
  </si>
  <si>
    <t>Quantos catadores obtêm materiais de um aterro sanitário ou lixão?</t>
  </si>
  <si>
    <t>Quantos catadores obtêm materiais de empresas?</t>
  </si>
  <si>
    <t>Quantos catadores obtêm materiais de outras fontes? (se sim, especifique a fonte)</t>
  </si>
  <si>
    <t>Pergunta 7</t>
  </si>
  <si>
    <t>Tipologia dos catadores do estudo de caso:</t>
  </si>
  <si>
    <t xml:space="preserve">Quantos catadores eram independentes? </t>
  </si>
  <si>
    <t xml:space="preserve">Todas as diferentes tipologias de trabalhadores de resíduos entrevistados precisam ser somadas ao número total de respondentes. </t>
  </si>
  <si>
    <t xml:space="preserve">Quantos catadores eram organizados informalmente? </t>
  </si>
  <si>
    <t>Quantos catadores eram formalmente organizados?</t>
  </si>
  <si>
    <t>Pergunta 8</t>
  </si>
  <si>
    <t>Sobre se a coleta de lixo é sua única receita:</t>
  </si>
  <si>
    <t>Quantos catadores relataram que a coleta de lixo é sua única renda?</t>
  </si>
  <si>
    <t>Ambos os segmentos de catadores devem ser adicionados ao número total de entrevistados</t>
  </si>
  <si>
    <t xml:space="preserve">Quantos catadores relataram múltiplos fluxos de renda? </t>
  </si>
  <si>
    <t>Receitas de atividades de gestão de resíduos</t>
  </si>
  <si>
    <t>Pergunta 12</t>
  </si>
  <si>
    <t>Local de venda de materiais residuais:</t>
  </si>
  <si>
    <t>Quantos catadores vendem para cooperativas?</t>
  </si>
  <si>
    <t>Quantos catadores vendem para lojas de sucata?</t>
  </si>
  <si>
    <t>Quantos catadores vendem para bancos de resíduos?</t>
  </si>
  <si>
    <t>Quantos catadores vendem para outros tipos de entidades? (Em caso afirmativo, especifique)</t>
  </si>
  <si>
    <t>Pergunta 13</t>
  </si>
  <si>
    <t>Quantos catadores sabem o preço dos materiais coletados antes de vendê-los?</t>
  </si>
  <si>
    <t>Pergunta 14</t>
  </si>
  <si>
    <t>Frequência de pagamento:</t>
  </si>
  <si>
    <t>Quantos catadores são pagos na entrega?</t>
  </si>
  <si>
    <t>Os segmentos de catadores entrevistados devem ser somados ao número total de entrevistados</t>
  </si>
  <si>
    <t>Quantos catadores são pagos no final da semana?</t>
  </si>
  <si>
    <t>Quantos catadores são pagos em uma frequência diferente? (Se sim, especifique)</t>
  </si>
  <si>
    <t>Pergunta 15</t>
  </si>
  <si>
    <t>Formulário de pagamento:</t>
  </si>
  <si>
    <t>Quantos catadores são pagos em dinheiro?</t>
  </si>
  <si>
    <t>Quantos catadores são pagos em créditos?</t>
  </si>
  <si>
    <t>Quantos catadores são pagos on-line?</t>
  </si>
  <si>
    <t>Média por tipologia</t>
  </si>
  <si>
    <t>Pergunta 16</t>
  </si>
  <si>
    <t>Total de ganhos com a venda de todos os materiais:</t>
  </si>
  <si>
    <t>Moeda local / mês por trabalhador FTE 
(todos os tipos de trabalhadores)</t>
  </si>
  <si>
    <t xml:space="preserve">Moeda local / mês por trabalhador independente FTE </t>
  </si>
  <si>
    <t>Moeda local / mês por trabalhador FTE organizado informalmente</t>
  </si>
  <si>
    <t>Moeda local / mês por trabalhador FTE formalmente organizado</t>
  </si>
  <si>
    <t>Ganhos totais médios</t>
  </si>
  <si>
    <t>Observe que os ganhos devem ser informados em equivalente de tempo integral (FTE). Uma explicação sobre a conversão para FTE é fornecida no guia PPT detalhado</t>
  </si>
  <si>
    <t>Do total de ganhos, a média de ganhos com serviços prestados</t>
  </si>
  <si>
    <t>Do total de ganhos,  a média de ganhos com a venda de materiais</t>
  </si>
  <si>
    <t>Pergunta 17</t>
  </si>
  <si>
    <t>Lucro da venda de materiais (%):</t>
  </si>
  <si>
    <t>em %</t>
  </si>
  <si>
    <t>Ganhos médios de plástico, garrafas PET</t>
  </si>
  <si>
    <t>Essa pergunta divide os ganhos totais pelo tipo de material. 
Os diferentes segmentos devem somar 100%.</t>
  </si>
  <si>
    <t>Ganhos médios de plástico, outros rígidos (por exemplo, PEAD)</t>
  </si>
  <si>
    <t>Ganhos médios de plásticos, flexíveis</t>
  </si>
  <si>
    <t>Ganhos médios de papel/papelão</t>
  </si>
  <si>
    <t>Ganhos médios de vidro</t>
  </si>
  <si>
    <t>Ganhos médios das latas de alumínio</t>
  </si>
  <si>
    <t>Ganhos médios de outras embalagens metálicas (por exemplo, latas de aço)</t>
  </si>
  <si>
    <t>Ganhos médios de outros metais que não são de embalagem (por exemplo, eletrônicos)</t>
  </si>
  <si>
    <t>Ganhos médios de quaisquer outros materiais</t>
  </si>
  <si>
    <t>Pergunta 18</t>
  </si>
  <si>
    <t>Quilos coletados (%):</t>
  </si>
  <si>
    <t>% de quilos correspondentes a plástico, garrafas PET</t>
  </si>
  <si>
    <t>Essa pergunta divide o total de quilos coletados pelo tipo de material. 
Os diferentes segmentos devem somar 100%.</t>
  </si>
  <si>
    <t>% de quilos correspondentes a plástico, outros rígidos (por exemplo, PEAD)</t>
  </si>
  <si>
    <t>% de quilos correspondentes a plástico, flexíveis</t>
  </si>
  <si>
    <t>% de quilos correspondentes a papel/papelão</t>
  </si>
  <si>
    <t>% de quilos correspondentes a vidro</t>
  </si>
  <si>
    <t>% de quilos correspondentes a latas de alumínio</t>
  </si>
  <si>
    <t>% de quilos correspondentes a outras embalagens metálicas (por exemplo, latas de aço)</t>
  </si>
  <si>
    <t>% de quilos correspondentes a outros metais que não são de embalagem (por exemplo, eletrônicos)</t>
  </si>
  <si>
    <t>% de quilos correspondentes a quaisquer outros materiais</t>
  </si>
  <si>
    <t>Resumo das limitações que impedem melhores rendimentos</t>
  </si>
  <si>
    <t>Resposta qualitativa</t>
  </si>
  <si>
    <t>Pergunta 19</t>
  </si>
  <si>
    <t>Por favor, descreva as cinco a oito principais limitações para que os catadores aumentem suas receitas (uma linha por limitação)</t>
  </si>
  <si>
    <t>Limitação 1</t>
  </si>
  <si>
    <t>Limitação 2</t>
  </si>
  <si>
    <t>Limitação 3</t>
  </si>
  <si>
    <t>Limitação 4</t>
  </si>
  <si>
    <t>Limitação 5</t>
  </si>
  <si>
    <t>Limitação 6</t>
  </si>
  <si>
    <t>Limitação 7</t>
  </si>
  <si>
    <t>Limitação 8</t>
  </si>
  <si>
    <t>Despesas com atividades de gestão de resíduos</t>
  </si>
  <si>
    <t>Pergunta 20</t>
  </si>
  <si>
    <t>Quantos catadores têm dívidas ou obrigações com compradores?</t>
  </si>
  <si>
    <t>Moeda local / mês por trabalhador</t>
  </si>
  <si>
    <t>Pergunta 21</t>
  </si>
  <si>
    <t>Custo médio da coleta de lixo por mês</t>
  </si>
  <si>
    <t>Pergunta 22</t>
  </si>
  <si>
    <t>Acesso a um veículo:</t>
  </si>
  <si>
    <t>Quantos catadores não têm nenhum veículo?</t>
  </si>
  <si>
    <t>Quantos catadores têm um carrinho de tração humana?</t>
  </si>
  <si>
    <t>Quantos catadores têm uma bicicleta?</t>
  </si>
  <si>
    <t>Quantos catadores têm uma bicicleta motorizada?</t>
  </si>
  <si>
    <t>Quantos catadores têm outros tipos de veículos?</t>
  </si>
  <si>
    <t>Despesas e condições de vida</t>
  </si>
  <si>
    <t>Pergunta 23</t>
  </si>
  <si>
    <t>Gasto médio com alimentos por catador ou família todos os dias</t>
  </si>
  <si>
    <t>Pergunta 24</t>
  </si>
  <si>
    <t>Escala de experiência em segurança alimentar</t>
  </si>
  <si>
    <t>Sim (em %)</t>
  </si>
  <si>
    <t>Não (em %)</t>
  </si>
  <si>
    <t>Não sabe/não respondeu (em %)</t>
  </si>
  <si>
    <t>Qual porcentagem de catadores se preocupou em não ter comida suficiente para comer?</t>
  </si>
  <si>
    <t>Observe que cada linha deve somar 100%</t>
  </si>
  <si>
    <t>Qual a porcentagem de catadores que não pôde comer alimentos saudáveis e nutritivos?</t>
  </si>
  <si>
    <t>Qual a porcentagem de catadores que comem apenas alguns tipos de alimentos?</t>
  </si>
  <si>
    <t>Qual a porcentagem de catadores que tiveram que pular uma refeição?</t>
  </si>
  <si>
    <t>Que porcentagem de catadores comeu menos do que achava que deveria?</t>
  </si>
  <si>
    <t>Qual a porcentagem de famílias de catadores que ficaram sem comida?</t>
  </si>
  <si>
    <t>Qual a porcentagem de catadores que estiveram com fome, mas não comeram?</t>
  </si>
  <si>
    <t>Que porcentagem dos catadores ficou sem comer durante um dia inteiro?</t>
  </si>
  <si>
    <t>Pergunta 25</t>
  </si>
  <si>
    <t>Acesso a moradia</t>
  </si>
  <si>
    <t>Não sabe/não responde (em %)</t>
  </si>
  <si>
    <t>Qual a porcentagem de catadores que vivem em casas construídas com materiais adequados?</t>
  </si>
  <si>
    <t>Qual a porcentagem de catadores que têm acesso à eletricidade?</t>
  </si>
  <si>
    <t>Qual a porcentagem de catadores que tem acesso à iluminação adequada?</t>
  </si>
  <si>
    <t>Qual é a porcentagem de catadores que têm acesso à ventilação adequada?</t>
  </si>
  <si>
    <t>Qual a porcentagem de catadores que têm acesso a saneamento seguro?</t>
  </si>
  <si>
    <t>Qual a porcentagem de catadores que vivem em moradias com espaço suficiente?</t>
  </si>
  <si>
    <t>Qual a porcentagem de catadores tem acesso a um ambiente externo seguro?</t>
  </si>
  <si>
    <t>Qual a porcentagem de catadores que vivem em local sem nenhuma atividade de produção ou trabalho</t>
  </si>
  <si>
    <t>Número de dias</t>
  </si>
  <si>
    <t>Pergunta 29</t>
  </si>
  <si>
    <t>Número médio de dias que pode viver sem receita em um mês</t>
  </si>
  <si>
    <t>Pergunta 30</t>
  </si>
  <si>
    <t>Quantos catadores conseguem economizar para uma situação imprevista?</t>
  </si>
  <si>
    <t>B - Estimativa da renda digna</t>
  </si>
  <si>
    <t xml:space="preserve">Explicação: </t>
  </si>
  <si>
    <t>O objetivo desta seção é estimar um padrão de vida com todos os componentes essenciais para uma vida decente.</t>
  </si>
  <si>
    <t>Conversão da moeda local
para $ PPP</t>
  </si>
  <si>
    <t>PPP $ Taxa de conversação 
(até o número decimal)</t>
  </si>
  <si>
    <t>Explicação</t>
  </si>
  <si>
    <t xml:space="preserve">PPP $ Taxa de conversão </t>
  </si>
  <si>
    <t>Para o local do projeto, insira a taxa de conversão PPP $. Use os dados do Banco Mundial como fonte: https://data.worldbank.org/indicator/PA.NUS.PPP</t>
  </si>
  <si>
    <t xml:space="preserve">Estimativa da renda digna </t>
  </si>
  <si>
    <t>Estimativa da renda digna para a família:</t>
  </si>
  <si>
    <t>(Moeda local (família/mês)</t>
  </si>
  <si>
    <t>(PPP $/domicílio/mês)</t>
  </si>
  <si>
    <t>B1 - Custos de dietas saudáveis (consulte a guia 3 Dietas saudáveis)</t>
  </si>
  <si>
    <t xml:space="preserve"> Consulte as páginas do manual do PowerPoint para obter um passo a passo detalhado de como estimar os componentes B1 a B6 de uma renda digna. </t>
  </si>
  <si>
    <t xml:space="preserve">B2 - Custos de moradias decentes </t>
  </si>
  <si>
    <t xml:space="preserve">B3 - Custos de saúde </t>
  </si>
  <si>
    <t xml:space="preserve">B4 - Custos de educação </t>
  </si>
  <si>
    <t xml:space="preserve">B5 - Custos do trabalho decente </t>
  </si>
  <si>
    <t>B6 - Poupança</t>
  </si>
  <si>
    <t>Renda digna (renda digna necessária a nível de família)</t>
  </si>
  <si>
    <t>B1 a B6 são então somados para a estimativa final de uma renda digna.</t>
  </si>
  <si>
    <t>Renda digna em porcentagens:</t>
  </si>
  <si>
    <t>(em %)</t>
  </si>
  <si>
    <t xml:space="preserve">Porcentagem da renda familiar necessária para dietas saudáveis </t>
  </si>
  <si>
    <t xml:space="preserve">Porcentagem da renda familiar que é gasta em dietas saudáveis. </t>
  </si>
  <si>
    <t xml:space="preserve">Porcentagem da renda familiar necessária para uma moradia decente </t>
  </si>
  <si>
    <t>Porcentagem da renda familiar gasta em moradia decente</t>
  </si>
  <si>
    <t>Porcentagem da renda familiar necessária para a assistência médica</t>
  </si>
  <si>
    <t>Porcentagem da renda familiar gasta com assistência médica</t>
  </si>
  <si>
    <t>Porcentagem da renda familiar necessária para a educação</t>
  </si>
  <si>
    <t>Porcentagem da renda familiar gasta em educação</t>
  </si>
  <si>
    <t>Porcentagem da renda necessária para cobrir os custos de condições de trabalho decentes</t>
  </si>
  <si>
    <t xml:space="preserve">Porcentagem da renda mensal que incide sobre os custos do trabalho decente </t>
  </si>
  <si>
    <t>Porcentagem da renda real aplicada em poupança</t>
  </si>
  <si>
    <t xml:space="preserve">Porcentagem da renda mensal que incide sobre os custos de poupança  </t>
  </si>
  <si>
    <t>= 100% no total</t>
  </si>
  <si>
    <t xml:space="preserve">Tamanho da família </t>
  </si>
  <si>
    <t xml:space="preserve">Número de adultos </t>
  </si>
  <si>
    <t>Número de crianças</t>
  </si>
  <si>
    <t>Tamanho da família (número de pessoas no domicílio)</t>
  </si>
  <si>
    <t xml:space="preserve">Insira o número médio de adultos e crianças por domicílio em sua localidade. Essas informações serão baseadas em pesquisas secundárias. Encontre dados relevantes para sua localidade aqui: https://www.ankerresearchinstitute.org/ari-country-index </t>
  </si>
  <si>
    <t xml:space="preserve">Equivalente médio de trabalhador em tempo integral </t>
  </si>
  <si>
    <t>Trabalhadores em tempo integral / domicílio</t>
  </si>
  <si>
    <t xml:space="preserve">Número médio de trabalhadores em tempo integral por domicílio </t>
  </si>
  <si>
    <t xml:space="preserve">Entrada para o Equivalente de Trabalhador em Tempo Integral por domicílio que virá de pesquisa secundária. 
Encontre dados relevantes para sua localidade aqui: https://www.ankerresearchinstitute.org/ari-country-index </t>
  </si>
  <si>
    <t xml:space="preserve">Renda digna para equivalente de trabalhador em tempo integral </t>
  </si>
  <si>
    <t>Estimativa da renda digna para o trabalhador em tempo integral (FTWE):</t>
  </si>
  <si>
    <t>(Moeda local/FTWE/mês)</t>
  </si>
  <si>
    <t>(PPP $/FTWE/mês)</t>
  </si>
  <si>
    <t>Renda digna (renda digna necessária a nível de trabalhador):</t>
  </si>
  <si>
    <t>A renda digna é então dividida pelo Equivalente de Trabalhador em Tempo Integral de suas localidades para obter a renda digna por trabalhador.</t>
  </si>
  <si>
    <t xml:space="preserve">C - Compilação de rendimentos de referência </t>
  </si>
  <si>
    <t>O objetivo desta seção é estimar uma renda comparável em outros empregos ou salários mínimos do governo.</t>
  </si>
  <si>
    <t xml:space="preserve">Dados de referência </t>
  </si>
  <si>
    <t>Referências do Banco Mundial:</t>
  </si>
  <si>
    <t>($ PPP/FTWE/mês)</t>
  </si>
  <si>
    <t>(Moeda local/HH/mês)</t>
  </si>
  <si>
    <t>($ PPP/HH/mês)</t>
  </si>
  <si>
    <t>Linha de Pobreza Extrema (Banco Mundial)</t>
  </si>
  <si>
    <r>
      <t>Em 2023, a linha de extrema pobreza era de PPP US$ 2,15 por pessoa por dia. A linha de pobreza era de PPP $ 6,85 por pessoa por dia. Verifique se há atualizações aqui:</t>
    </r>
    <r>
      <rPr>
        <u/>
        <sz val="11"/>
        <color rgb="FF0070C0"/>
        <rFont val="Arial Nova"/>
        <family val="2"/>
      </rPr>
      <t xml:space="preserve"> https://blogs.worldbank.org/en/opendata/september-2023-global-poverty-update-world-bank-new-data-poverty-during-pandemic-asia#:~:text=At%20the%20%246.85%20poverty%20line,estimates%20from%201981%20to%202021.</t>
    </r>
  </si>
  <si>
    <t>Linha de pobreza (Banco Mundial)</t>
  </si>
  <si>
    <t>Referências de pesquisa:</t>
  </si>
  <si>
    <t xml:space="preserve">Salário mínimo </t>
  </si>
  <si>
    <t xml:space="preserve">Insira os dados de referência que você pesquisou para a sua localidade. Consulte o kit de ferramentas do PowerPoint para obter informações detalhadas sobre as fontes a serem usadas para cada ponto de dados. </t>
  </si>
  <si>
    <t>Ganhos médios de trabalhadores formais de resíduos</t>
  </si>
  <si>
    <t>Renda média de um setor comparável A (por exemplo, trabalhador agrícola)</t>
  </si>
  <si>
    <t>Renda média do setor B comparável (por exemplo, trabalhador da construção civil)</t>
  </si>
  <si>
    <t xml:space="preserve">Trabalha de mecânico em horários livres. Recebe entre R$ 1.000,00 a R$ 1.500,00. </t>
  </si>
  <si>
    <t>6h</t>
  </si>
  <si>
    <t>Em até 1 dia útil</t>
  </si>
  <si>
    <t>Carro adaptado</t>
  </si>
  <si>
    <t>Levantar cedo para trabalhar em dias de chuva e frio</t>
  </si>
  <si>
    <t>39 anos</t>
  </si>
  <si>
    <t>6 anos</t>
  </si>
  <si>
    <t>Carretinha, carro Ipanema. 2 carros adaptados faz a coleta</t>
  </si>
  <si>
    <t>Sim, limpeza.</t>
  </si>
  <si>
    <t>As entregas, quando recebe o dinheiro.</t>
  </si>
  <si>
    <t>3 anos</t>
  </si>
  <si>
    <t>4 dias</t>
  </si>
  <si>
    <t>No final da semana</t>
  </si>
  <si>
    <t xml:space="preserve">Não é confortável, e a lona que usa para cobrir o carrinho nem sempre é suficiente para proteger do sol, chuva e frio. </t>
  </si>
  <si>
    <t>Sim, construção civil</t>
  </si>
  <si>
    <t>Sentir frio</t>
  </si>
  <si>
    <t>38 anos</t>
  </si>
  <si>
    <t xml:space="preserve">Começou por necessidade, e o pai já trabalhava com reciclagem. Achou difícil no começo, pois iniciou coletando apenas nas ruas e ainda não tinha locais específicos para ir coletar. Hoje coleta em pontos definidos. </t>
  </si>
  <si>
    <t>7 dias</t>
  </si>
  <si>
    <t>Estar na rua coletando</t>
  </si>
  <si>
    <t>Quando falta material para coletar e vender.</t>
  </si>
  <si>
    <t>44 anos</t>
  </si>
  <si>
    <t>Trabalhava como promotora de vendas em um mercado, teve oportunidade de trabalhar em uma cooperativa de reciclagem, onde trabalhou por 4 anos. Depois conseguiu alugar um barracão e começou a trabalhar como autônoma, tem dado certo.</t>
  </si>
  <si>
    <t>9 horas</t>
  </si>
  <si>
    <t>Disponibilidade de tempo. Se conseguisse pagar alguém para ajudar (aumentar a produtividade) seria melhor.</t>
  </si>
  <si>
    <t>Porque gosta do serviço e foi a maneira que encontrou para sobreviver e conseguir renda.</t>
  </si>
  <si>
    <t>Sim. Mas prefere a autonomia de trabalho na reciclagem.</t>
  </si>
  <si>
    <t>65 anos</t>
  </si>
  <si>
    <t>1 pessoa</t>
  </si>
  <si>
    <t>45 anos</t>
  </si>
  <si>
    <t>8 horas</t>
  </si>
  <si>
    <t>Variação no preço de venda dos materiais</t>
  </si>
  <si>
    <t>A distração, é como uma terapia, gosta muito. Foi desse serviço que conseguiu muita coisa.</t>
  </si>
  <si>
    <t xml:space="preserve"> </t>
  </si>
  <si>
    <t>Ruas,residências, lixões/aterros sanitários</t>
  </si>
  <si>
    <t>Catador/trabalhador organizado informalmente</t>
  </si>
  <si>
    <t>Pensão alimentícia: R$200,00 e Auxílio doença: R$1518,00</t>
  </si>
  <si>
    <t>Loja de sucata e atravessadores</t>
  </si>
  <si>
    <t>Sim, casa própria. 2 cômodos e 1 banheiro</t>
  </si>
  <si>
    <t>Não tem e não quer</t>
  </si>
  <si>
    <t>Quando consegue voltar para casa com uma quantidade maior do que o previsto de materiais</t>
  </si>
  <si>
    <t xml:space="preserve">Quando chove e não consegue sair para coletar. Segundo ela, não há algo que poderia ser feito sobre esse aspecto </t>
  </si>
  <si>
    <t>Catador independente</t>
  </si>
  <si>
    <t>-</t>
  </si>
  <si>
    <t>Disponibilidade de tempo e volume de material disponível</t>
  </si>
  <si>
    <t>Ruas e residências</t>
  </si>
  <si>
    <t>Sim, presta serviço como pedreiro e/ou pintor: R$300,00/mês e Bolsa família: R$650,00</t>
  </si>
  <si>
    <t>Dinheiro ou PIX</t>
  </si>
  <si>
    <t>Carrinho/carroça</t>
  </si>
  <si>
    <t>Carro adaptado e caminhão</t>
  </si>
  <si>
    <t>Carrinho/carroça e bicicleta</t>
  </si>
  <si>
    <t>Carrinho/carroça e carro adaptado</t>
  </si>
  <si>
    <t>Sim, ocupação. 3 cômodos e 1 banheiro</t>
  </si>
  <si>
    <t>Por causa da disponibilidade de tempo, flexibilidade de horários (autonomia). Quando trabalhava em outro trabalho tinha que acordar e pegar ônibus na madrugada.</t>
  </si>
  <si>
    <t>Quando está chovendo e mesmo assim tem que sair para coletar os materiais</t>
  </si>
  <si>
    <t>Loja de sucata, banco de resíduos e recicladores</t>
  </si>
  <si>
    <t>PIX</t>
  </si>
  <si>
    <t>Falta de equipamentos (carrinho de mão/bicicleta)</t>
  </si>
  <si>
    <t>Sim, casa própria. 3 cômodos e 1 banheiro</t>
  </si>
  <si>
    <t>Faltava muita coisa (comida) em casa, via o pai e mãe passando dificuldade, resolveu iniciar a trabalhar com a reciclagem para ajudar em casa e não encontrou outra oportunidade de trabalho naquele tempo</t>
  </si>
  <si>
    <t xml:space="preserve">Sim </t>
  </si>
  <si>
    <t>Bolsa família: R$800,00</t>
  </si>
  <si>
    <t xml:space="preserve">7 dias </t>
  </si>
  <si>
    <t>Loja de sucata</t>
  </si>
  <si>
    <t>Sim, casa própria. 1 cômodo e 1 banheiro</t>
  </si>
  <si>
    <t>Porque foi a única oportunidade que encontrou para obter renda e sobreviver. Tem um problema de saúde e não consegue outro trabalho.</t>
  </si>
  <si>
    <t>Sim, cuidara de idosos</t>
  </si>
  <si>
    <t>Quando encontra alguma coisa que estava precisando</t>
  </si>
  <si>
    <t>Ter que trabalhar quando está frio e/ou chovendo</t>
  </si>
  <si>
    <t>Trabalhava com artesanato e jardinagem, viu uma oportunidade de trabalhar com a reciclagem, catando e vendendo materiais, acabou gostando e está até hoje.</t>
  </si>
  <si>
    <t>Aposentadoria por invalidez (perdeu audição total de um ouvido): R$1518,00</t>
  </si>
  <si>
    <t>Loja de sucata e Atravessadores</t>
  </si>
  <si>
    <t>Qualidade do material disponível e variação no preço de venda dos materiais</t>
  </si>
  <si>
    <t>Porque é a maneira que encontrou de conseguir dinheiro para comprar um remédio, alimentos e pagar as contas em casa</t>
  </si>
  <si>
    <t>Não tem</t>
  </si>
  <si>
    <t xml:space="preserve">É não conseguir dinheiro suficiente para alimentar as crianças (filhos), e então ficar olhando elas sem poder dar o que elas precisam. </t>
  </si>
  <si>
    <t>25 anos</t>
  </si>
  <si>
    <t>10 anos</t>
  </si>
  <si>
    <t>Porque via as pessoas trabalhando com a reciclágem, se interessou, iniciou e gostou do trabalho</t>
  </si>
  <si>
    <t>Bolsa família: R$350,00.</t>
  </si>
  <si>
    <t>Qualidade do material disponível</t>
  </si>
  <si>
    <t>Sim, casa própria. 4 cômodos e 2 banheiros</t>
  </si>
  <si>
    <t>Sim, casa própria. 4 cômodos e 2 banheiro</t>
  </si>
  <si>
    <t xml:space="preserve">Porque gosta de trabalhar com a reciclágem </t>
  </si>
  <si>
    <t>Enfardar o material reciclado</t>
  </si>
  <si>
    <t>Prensar o papelão manualmente, pois exige muito esforço físico e é cansativo</t>
  </si>
  <si>
    <t>Antes ele trabalhava registrado, mas ficou desempregado e não encontrou outro emprego. A partir daí ele começou a trabalhar com a reciclagem. O pai e o sogro que já trabalhavam com reciclagem, mostraram para ele essa forma de trabalho.</t>
  </si>
  <si>
    <t>15 horas</t>
  </si>
  <si>
    <t xml:space="preserve">Loja de sucata </t>
  </si>
  <si>
    <t>Sim, casa emprestada. 3 cômodos e 1 banheiro</t>
  </si>
  <si>
    <t>É andar e puxar o carrinho durante as coletas, pois é muito pesado e cansativo</t>
  </si>
  <si>
    <t>36 anos</t>
  </si>
  <si>
    <t>53 anos</t>
  </si>
  <si>
    <t>62 anos</t>
  </si>
  <si>
    <t>Residências</t>
  </si>
  <si>
    <t>11 horas</t>
  </si>
  <si>
    <t>6 dias</t>
  </si>
  <si>
    <t xml:space="preserve">Recicladores, banco de resíduos e loja de sucata </t>
  </si>
  <si>
    <t>Preço baixo do material, dificuldade em legalizar o local de trabalho (e o trabalho) deles, a prefeitura recebe muitas denúncias dos vizinho e de forma recorrente vão no local para fazer vistorias, porém não há irregularidades</t>
  </si>
  <si>
    <t xml:space="preserve">Acha mais fácil trabalhar com a reciclagem, pois já se acostumou com o trabalho e acha que compensa mais do que outros que ela poderia ter acesso </t>
  </si>
  <si>
    <t>Passar o dia inteiro em pé separando, pois é cansativo</t>
  </si>
  <si>
    <t>1 ano e 6 meses</t>
  </si>
  <si>
    <t>Porque foi a forma mais rápida que encontrou de ganhar dinheiro</t>
  </si>
  <si>
    <t>Trabalha meio período em uma loja de sucata: R$900,00</t>
  </si>
  <si>
    <t>Disponibilidade de tempo e variação no preço de venda dos materiais.</t>
  </si>
  <si>
    <t>Para conseguir recursos financeiro e passar o tempo. No início foi por dificuldade, hoje é uma maneira de se manter ocupado.</t>
  </si>
  <si>
    <t>Sim, na área da construção civil ou vendas</t>
  </si>
  <si>
    <t>O baixo retorno financeiro, pouca oportunidade, local de coleta dificultoso,  as pessoas fazem confusão no dia a dia</t>
  </si>
  <si>
    <t>6 pessoas</t>
  </si>
  <si>
    <t>Porque toda família trabalhava com a reciclagem, o pai era catador então ela ajudava o pai a coletar material na rua e depois ficou na parte da triagem enquanto o pai coletava.</t>
  </si>
  <si>
    <t>Ruase residências</t>
  </si>
  <si>
    <t>Bolsa família: R$1000,00</t>
  </si>
  <si>
    <t>Condições físicas e variação no preço de venda dos materiais</t>
  </si>
  <si>
    <t>Sim, casa emprestada. 1 cômodo e 1 banheiro</t>
  </si>
  <si>
    <t>Porque os filhos são pequenos precisão de maior atenção e não consegue trabalhar em outro lugar</t>
  </si>
  <si>
    <t>Ir para rua coletar os materiais</t>
  </si>
  <si>
    <t>Reciclar quando está chovendo</t>
  </si>
  <si>
    <t xml:space="preserve">3 pessoas </t>
  </si>
  <si>
    <t>41 anos</t>
  </si>
  <si>
    <t>5 pessoas</t>
  </si>
  <si>
    <t xml:space="preserve">4 pessoas </t>
  </si>
  <si>
    <t>Morava no Rio Grande do Sul, e quando mudou para a cidade de Curitiba-PR, observou que muitas pessoas trabalhavam com reciclagem no bairro. Ele começou trabalhando para um barracão de vendas e revendas de materiais recicláveis e depois passou a trabalhar de forma autônoma com carroça. Ele relata que na época que iniciou, era um trabalho mais difícil, e que sofria muita discriminação.</t>
  </si>
  <si>
    <t>Ruas, residências e empresas</t>
  </si>
  <si>
    <t>Na época estava ruim de serviço, não havia oportunidade no mercado de trabalho convencional, veio a pandemia e piorou. A oportunidade que encontrou foi trabalhar com recicláveis e deu certo. Logo depois ficou grávida e não queria ficar longe do filho, foi a forma que encontrou de ter renda e cuidar do filho</t>
  </si>
  <si>
    <t>Residências e empresas</t>
  </si>
  <si>
    <t xml:space="preserve">Porque quando era mais jovem morava com a mãe e tinha problemas com o seu padrasto, foi então que decidiu sair de casa e morar em Curitiba onde morou por um tempo de favores, encontrou na reciclagem uma maneira de conseguir renda e sua independência e construiu sua vida junto com a reciclagem.  </t>
  </si>
  <si>
    <t>Bolsa família: R$750,00 e Vale gás: R$100,00</t>
  </si>
  <si>
    <t>Bolsa família: R$600,00.</t>
  </si>
  <si>
    <t>10 horas</t>
  </si>
  <si>
    <t xml:space="preserve">6 dias </t>
  </si>
  <si>
    <t>Atravessadores</t>
  </si>
  <si>
    <t>Banco de Resíduos</t>
  </si>
  <si>
    <t>Loja de sucata e banco de resíduos</t>
  </si>
  <si>
    <t>Concorrência de outros catadores</t>
  </si>
  <si>
    <t xml:space="preserve">Consegue atingir a sua meta de recebimento com reciclagem, em outros serviços não consegue esse valor. Tem possibilidade de crescimento investindo no trabalho </t>
  </si>
  <si>
    <t xml:space="preserve">Ser livre para trabalhar no horário que quiser, sem precisar cumprir horários comerciais </t>
  </si>
  <si>
    <t>Porque ficou mais cômodo trabalhar perto de casa por causa do filho pequeno</t>
  </si>
  <si>
    <t>Trabalhar na chuva, no sol ou no frio. Queria um lugar melhor para trabalhar, um barracão coberto, onde trabalha atualmente é apenas um terreno aberto sem cobertura, sem banheiro, trabalha no sol ou na chuva sem nenhum tipo de abrigo.</t>
  </si>
  <si>
    <t>Como ele coleta em residências/empresas e tem horário agendado para chegar ao local para coletar, a melhor parte é conseguir chegar no horário, cumprir o horário e receber a confiança das pessoas.</t>
  </si>
  <si>
    <t xml:space="preserve">A melhor parte é quando está coletando na rua, ver pessoas e paisagens. Relatou ser muito boa a sensação </t>
  </si>
  <si>
    <t>Quando está chovendo e tem que sair para trabalhar</t>
  </si>
  <si>
    <t xml:space="preserve">Quando fica parada sem trabalhar, fica ansiosa. Se sente feliz trabalhado na coleta e separação de materiais recicláveis. </t>
  </si>
  <si>
    <t>Porque não pode mais trabalhar registrado pois processou a construtora que não pagou pelo seu serviço na época que trabalhava na construção civil. Porém, também não é um desejo dele trabalhar formalmente em uma empresa</t>
  </si>
  <si>
    <t>Não consegue encontrar outro trabalho</t>
  </si>
  <si>
    <t xml:space="preserve">Por causa da idade, nesse serviço ganha mais do que em outro trabalho, já passou por um psiquiatra outras empresas não querem dar oportunidade de trabalho para ela </t>
  </si>
  <si>
    <t>Não, mora na rua</t>
  </si>
  <si>
    <t>Qualidade do material disponível, volume de material disponíveis e concorrência de outros catadores</t>
  </si>
  <si>
    <t>Catador2</t>
  </si>
  <si>
    <t>Catador3</t>
  </si>
  <si>
    <t>Catador4</t>
  </si>
  <si>
    <t>Catador5</t>
  </si>
  <si>
    <t>Catador6</t>
  </si>
  <si>
    <t>Catador7</t>
  </si>
  <si>
    <t>Catador8</t>
  </si>
  <si>
    <t>Catador9</t>
  </si>
  <si>
    <t>Catador10</t>
  </si>
  <si>
    <t>Catador11</t>
  </si>
  <si>
    <t>Catador12</t>
  </si>
  <si>
    <t>Catador13</t>
  </si>
  <si>
    <t>Catador14</t>
  </si>
  <si>
    <t>Catador15</t>
  </si>
  <si>
    <t>Catador16</t>
  </si>
  <si>
    <t>Sim, casa própria. 5 cômodos e 2 banheiros</t>
  </si>
  <si>
    <t>Sim, não especificou</t>
  </si>
  <si>
    <t xml:space="preserve">Ele trabalhava registrado na construção civil (Terceirizava empreitadas) e saiu porquê levou um prejuízo de R$ 30000,00. Ficou desempregado, e desestruturado na vida pessoal. Começou a trabalhar com a reciclagem através da indicação de um amigo que também trabalhava com reciclagem e gostou do trabalho. </t>
  </si>
  <si>
    <t>Sim, casa própria. 7 cômodos e 2 banheiro</t>
  </si>
  <si>
    <t>Sim, casa própria. 4 cômodos e 1 banheiro</t>
  </si>
  <si>
    <t>Sim, casa emprestada. 4 cômodos e 1 banheiro</t>
  </si>
  <si>
    <t>30 anos</t>
  </si>
  <si>
    <t>Porque seus pais já trabalhavam com a reciclagem a muitos anos, até mesmo antes dele nascer, então foi por influência da família, aprendeu a trabalhar com os pais, gostou e está até hoje.</t>
  </si>
  <si>
    <t>Catador/trabalhador organizado formalmente</t>
  </si>
  <si>
    <t>A cada 15 dias</t>
  </si>
  <si>
    <t>Volumes de materiais disponivéis e variação no valor de venda dos materiais</t>
  </si>
  <si>
    <t>Caminhão</t>
  </si>
  <si>
    <t>Sim, casa própria. 6 cômodos e 2 banheiros</t>
  </si>
  <si>
    <t>Porque se acostumou a trabalhar com a reciclagem</t>
  </si>
  <si>
    <t>Sim, como pintor ou técnico de manutenção predial</t>
  </si>
  <si>
    <t>Quando termina o expediente e vai para casa descansar</t>
  </si>
  <si>
    <t>Não soube identificar uma pior parte do trabalho</t>
  </si>
  <si>
    <t xml:space="preserve">Feminino </t>
  </si>
  <si>
    <t xml:space="preserve">Uma pessoa que tinha um barracão chamou ela para fazer uma diária, ela estava precisando de trabalho, fez a diária e gostou do trabalho. Da diária, o trabalhando foi evoluindo para algo fixo. </t>
  </si>
  <si>
    <t>Recicladores</t>
  </si>
  <si>
    <t>Sim, às vezes dorme no barracão de trabalho, o ambiente é bom para trabalhar mas não é confortável e estruturado para dormir</t>
  </si>
  <si>
    <t>Porque gosta de trabalhar com a reciclagem. Acha muito interessante a diferença entre os materiais e tudo o que envolve a reciclagem.</t>
  </si>
  <si>
    <t>Sim, diarista</t>
  </si>
  <si>
    <t xml:space="preserve">34 anos </t>
  </si>
  <si>
    <t>A mãe sempre trabalhou com reciclagem, ela acompanhava a mãe desde pequena e então continuou trabalhando com a reiclagem.</t>
  </si>
  <si>
    <t>Ruas, empresas e residências</t>
  </si>
  <si>
    <t>Bolsa família: R$400,00.</t>
  </si>
  <si>
    <t>6 horas</t>
  </si>
  <si>
    <t>Preço baixo do material</t>
  </si>
  <si>
    <t>Tentou trabalhar registrado mas o horário da escola da filha não permitia. Tem flexibilidade de horários trabalhando com a reciclagem.</t>
  </si>
  <si>
    <t>Sim, atendente de restaurante, auxiliar de cozinha</t>
  </si>
  <si>
    <t>Quando está na rua coletando</t>
  </si>
  <si>
    <t>Puxar o carrinho, pois é pesado</t>
  </si>
  <si>
    <t>29 anos</t>
  </si>
  <si>
    <t>11 anos</t>
  </si>
  <si>
    <t>Perdeu o emprego de servente e teve que começar a trabalhar com a reciclagem</t>
  </si>
  <si>
    <t>23 anos</t>
  </si>
  <si>
    <t>Porque estava desempregado, seu pai o indicou para trabalhar em uma empresa que faz gerenciamento de resíduos sólidos, depois de um tempo foi demitido. Uma tia que trabalha em uma Associação de reciclagem indicou para que ele trabalhasse com ela, ele aceitou a proposta e continua então trabalhando com a reciclagem</t>
  </si>
  <si>
    <t>Não ter carrinho para coletar. Ele tinha um, mas foi roubado.</t>
  </si>
  <si>
    <t>Sim, casa própria. 5 cômodos e 1 banheiro</t>
  </si>
  <si>
    <t>Queria ser servente, mas não consegue encontrar emprego.</t>
  </si>
  <si>
    <t>Quando termina o trabalho e vai para casa descansar</t>
  </si>
  <si>
    <t xml:space="preserve">1. Coletar os materiais na rua; 2. O olhar de julgamento das pessoas para ele quando está coletando os materiais. </t>
  </si>
  <si>
    <t>Porque quase toda sua família trabalha na área da reciclagem, ele pegou costume e começou a trabalhar também, gosta do trabalho com a reciclagem e não pretende mudar</t>
  </si>
  <si>
    <t>Sim, mas prefere continuar com a reciclagem. Não soube informar a área que teria oportunidade alternativa</t>
  </si>
  <si>
    <t xml:space="preserve">Amizades do trabalho, é um ambiente leve com boas pessoas </t>
  </si>
  <si>
    <t>20 anos</t>
  </si>
  <si>
    <t xml:space="preserve">A irmã e o cunhado trabalhavam em cooperativas e após o nascimento da filha ela começou a trabalhar com a reciclagem. Nunca tinha trabalhado e com a indicação ela começou a trabalhar na cooperativa e se identificou com o trabalho. </t>
  </si>
  <si>
    <t>Ter que separar material reciclável do rejeito/lixo (material orgânico). Descreveu como material sujo</t>
  </si>
  <si>
    <t xml:space="preserve">Preconceito que sofre das pessoas por trabalhar com a reciclagem e quando o carro apresenta problemas e não consegue ir coletar os materiais. </t>
  </si>
  <si>
    <t>Quando está animada para trabalhar e vê o resultado da separação dos materiais com os bags ficando cheios, quando vê que está lucrando com o trabalho e quando o ajudante do barracão entra no mesmo ritmo de trabalho dela.</t>
  </si>
  <si>
    <t>Vale alimentação da prefeitura: R$ 440,00</t>
  </si>
  <si>
    <t>Vale alimentação da prefeitura: R$440,00</t>
  </si>
  <si>
    <t>Valor baixo dos materiais</t>
  </si>
  <si>
    <t>31 anos</t>
  </si>
  <si>
    <t>2 pessoas</t>
  </si>
  <si>
    <t>2 meses</t>
  </si>
  <si>
    <t>Antes de trabalhar com a reciclagem, ele trabalhava formalmente em uma empresa como operador de máquinas, porém queria uma oportunidade melhor (que lhe rendesse mais dinheiro). Então, iniciou na reciclagem</t>
  </si>
  <si>
    <t xml:space="preserve">Ela ama trabalhar com a reciclagem, já tentou trabalhar em outros ramos, mas voltou para a reciclagem. </t>
  </si>
  <si>
    <t>Produtividade e variação no preço de venda dos materiais</t>
  </si>
  <si>
    <t>Sim, camareira</t>
  </si>
  <si>
    <t>A convivência com as pessoas da cooperativa</t>
  </si>
  <si>
    <t>Trabalhar com o material sem separação, junto com os materiais não recicláveis.</t>
  </si>
  <si>
    <t>Porque foi a melhor oportunidade que apareceu</t>
  </si>
  <si>
    <t>9 anos</t>
  </si>
  <si>
    <t>A mãe já trabalhava em um barracão particular e indicou ela para trabalhar nesse local também. Na época ela estava procurando por trabalho, e como toda a família já trabalhava com reciclagem ela viu a oportunidade de trabalhar com a reciclagem.</t>
  </si>
  <si>
    <t>Sim, operador de máquinas</t>
  </si>
  <si>
    <t>A flexibilade de horários</t>
  </si>
  <si>
    <t>Ter que fazer muito esforço físico, é cansativo</t>
  </si>
  <si>
    <t>Vale alimentação da prefeitura: R$440,00; Pensão alimentícia: R$ 200,00</t>
  </si>
  <si>
    <t>Porque estava desempregada, não conseguiu outra oportunidade de trabalho, então iniciou trabalhando em uma loja de sucata, depois foi para uma associação de reciclagem.</t>
  </si>
  <si>
    <t>Preço baixo do material  e qualidade do material</t>
  </si>
  <si>
    <t>Qualidade do material disponível (muito material reciclável misturado com orgânico/rejeito/lixo)</t>
  </si>
  <si>
    <t>Por necessidade financeira</t>
  </si>
  <si>
    <t xml:space="preserve">Não   </t>
  </si>
  <si>
    <t>Quando consegue reciclar todo material disponível</t>
  </si>
  <si>
    <t>Ter que separar os materiais recicláveis dos orgânicos/rejeito/lixo</t>
  </si>
  <si>
    <t>Porque tinha crianças pequenas (filhos), como o trabalho na reciclagem era perto de casa dava para ir em casa ver como os filhos estavam e voltar para o trabalho tranquilamente sem precisar pegar ônibus</t>
  </si>
  <si>
    <t>Operador de máquinas (meio período): R$500,00 e Vale alimentação da prefeitura: R$440,00</t>
  </si>
  <si>
    <t>Bolsa família: R$300,00 e Vale alimentação da prefeitura: R$440,00</t>
  </si>
  <si>
    <t>Início do mês</t>
  </si>
  <si>
    <t xml:space="preserve">Prefere trabalhar com reciclagem, pois tem mais experiência e gosta do horário de funcionamento </t>
  </si>
  <si>
    <t>Sim, barista</t>
  </si>
  <si>
    <t xml:space="preserve">O horário de almoço e quando manuseia a empilhadeira </t>
  </si>
  <si>
    <t>Quando precisa puxar bag, pois é pesado.</t>
  </si>
  <si>
    <t>35 anos</t>
  </si>
  <si>
    <t>6 meses</t>
  </si>
  <si>
    <t xml:space="preserve">Vale alimentação da prefeitura: R$440,00; </t>
  </si>
  <si>
    <t>Baixa produtividade do time de trabalho e variação de preço de venda do material</t>
  </si>
  <si>
    <t>Hoje compensa mais trabalhar com a reciclagem do que com manutenção predial (antigo trabalho)</t>
  </si>
  <si>
    <t>Sim, manutenção predial</t>
  </si>
  <si>
    <t>Convivência com as pessoas da cooperativa e produtividade alta</t>
  </si>
  <si>
    <t>Cansaço, pois é um trabalho bem pesado</t>
  </si>
  <si>
    <t>5 anos</t>
  </si>
  <si>
    <t>Vale alimentação da prefeitura: R$440,00; Bolsa família: R$ 700,00.</t>
  </si>
  <si>
    <t>3 dias</t>
  </si>
  <si>
    <t>Volume baixo de materiais disponíveis</t>
  </si>
  <si>
    <t>O trabalho tem a facilidade de ser próximo da casa dela, e foi uma oportunidade que apareceu quando ela mais precisou. Além disso, gosta de separar materiais e trabalhar com a reciclagem.</t>
  </si>
  <si>
    <t>Não sabe, pois não procurou, mas já trabalhou em supermercado</t>
  </si>
  <si>
    <t>Gosta de trabalhar na mesa de triagem e separar os materiais</t>
  </si>
  <si>
    <t>Erguer bags pesados na caçamba</t>
  </si>
  <si>
    <t>1,5 anos</t>
  </si>
  <si>
    <t xml:space="preserve">Volumes de material disponíveis e variação no preço de venda </t>
  </si>
  <si>
    <t>Trabalhava com carga e descarga e deixou o trabalho para trabalhar na associação pois era mais próximo de casa e a esposa já trabalhava no local</t>
  </si>
  <si>
    <t xml:space="preserve">O vizinho trabalhava com reciclagem e  então ela viu a oportunidade de trabalho devido a flexibilidade de horários, pois precisava passar mais tempo com os filhos. Iniciou alugando o carrinho do vizinho para ir coletar, gostou muito de trabalhar com reciclagem e depois passou a trabalhar na associação. </t>
  </si>
  <si>
    <t>Nenhum, a prefeitura faz a coleta</t>
  </si>
  <si>
    <t>Trabalhava com manutenção predial, ficou desempregado e a tia da esposa que trabalhava em associação o indicou para trabalhar lá também. Ele gostou do trabalho e da flexibilidade de horários e continuou trabalhando.</t>
  </si>
  <si>
    <t>Porque gosta de trabalhar com a reciclagem e não que mudar de trabalho</t>
  </si>
  <si>
    <t xml:space="preserve">Não  </t>
  </si>
  <si>
    <t>Reciclar, o tempo passa rápido quando está focada no trabalho</t>
  </si>
  <si>
    <t>Quando tem que prensar o material, pois exige muito esforço físico, é cansativo</t>
  </si>
  <si>
    <t>32 anos</t>
  </si>
  <si>
    <t>Gosta de trabalhar com reciclagem e já se acostumou a trabalhar na associação</t>
  </si>
  <si>
    <t>Quando tem festa dos aniversariantes do mês</t>
  </si>
  <si>
    <t>Antes de iniciar seu trabalho na reciclagem, trabalhava para uma empresa, conheceu seu esposo que na época já era catador de rua, então ela começou a trabalhar junto com ele e gostou do serviço, decidiu permanecer trabalhando com a reciclagem</t>
  </si>
  <si>
    <t>Quando está chovendo, pois ele trabalha em um local da associação que respinga água.</t>
  </si>
  <si>
    <t>Vale alimentação da prefeitura: R$440,00; Bolsa família: R$ 750,00.</t>
  </si>
  <si>
    <t>50 anos</t>
  </si>
  <si>
    <t>Foi a primeira oportunidade de trabalho que viu quando ela e o esposo mudaram para Curitiba. Ela não é alfabetizada, então não tinha outras oportunidade de trabalho.</t>
  </si>
  <si>
    <t>Porque é um trabalho que gosta, se adptou. Quando iniciou não quis mais parar</t>
  </si>
  <si>
    <t>Sim, auxiliar de produção</t>
  </si>
  <si>
    <t>6,5 horas</t>
  </si>
  <si>
    <t>Quando está na mesa trabalhando (separando os recicláveis)</t>
  </si>
  <si>
    <t>O desentendimento entre os colegas de trabalho</t>
  </si>
  <si>
    <t>Volumes de materiais disponíveis</t>
  </si>
  <si>
    <t>14 anos</t>
  </si>
  <si>
    <t>Não conseguiu arrumar outro emprego antes de começar com a reciclagem, porém não gosta de ter chefe/patrão mandando nela.</t>
  </si>
  <si>
    <t>Gosta de separar os materiais</t>
  </si>
  <si>
    <t>Prensar o material, pois é muito cansativo e pesado</t>
  </si>
  <si>
    <t>Trabalhava como auxiliar de limpeza, mas ficou doente e consequentemente desempregada, a partir disso ela começou a trabalhar com a reciclagem com o marido, gostou do trabalho e segue no ramo até hoje.</t>
  </si>
  <si>
    <t>Vale alimentação da prefeitura: R$440,00; Bolsa família: R$ 600,00.</t>
  </si>
  <si>
    <t>Gosta de trabalhar com a reciclagem. Mas, considerando a idade também não conseguiria mudar de trabalho</t>
  </si>
  <si>
    <t>Quando está trabalhando na mesa de triagem separando os materiais</t>
  </si>
  <si>
    <t>Descarregar o caminhão da prefeitura que chega com materiais a noite, pois é frio e muito tarde.</t>
  </si>
  <si>
    <t>24 anos</t>
  </si>
  <si>
    <t>Conheceu o trabalho através da esposa (na época, namorada) que já trabalhava coma  reciclagem. Antes de começar na associação, começou a trabalhar coletando na rua e quando atingiu a maioridade ele entrou na associação.</t>
  </si>
  <si>
    <t>5,5 dias</t>
  </si>
  <si>
    <t>9,5 horas</t>
  </si>
  <si>
    <t>Disponibilidade de tempo, qualidade do material disponível e falta de equipamentos</t>
  </si>
  <si>
    <t>Gosta de trabalhar com a reciclagem</t>
  </si>
  <si>
    <t>Conseguir manter a casa e a família</t>
  </si>
  <si>
    <t>Arrastar o material para os fundos da associação, pois os bags são pesados</t>
  </si>
  <si>
    <t>Sua mãe sempre trabalhou catando papel, quando adolescente foi morar com o pai e ficou trabalhando com ele em um bar, seu pai faleceu e então ela voltou a morar com a mãe. Nessa época conheceu seu atual esposo que é catador de rua, ela começou a trabalhar com ele para mostrar que não tinha vergonha de catar material na rua, acabou gostando do trabalho e hoje trabalham juntos em uma Associação de reciclagem</t>
  </si>
  <si>
    <t>Sim, ocupação. 4 cômodos e 1 banheiro</t>
  </si>
  <si>
    <t>Porque não outra oportunidade de trabalho</t>
  </si>
  <si>
    <t>Quando está na mesa de triagem separando os recicláveis</t>
  </si>
  <si>
    <t>Ter que parar para fazer reuniões, geralmente há desentendementos e discursões entre os colegas de trabalho</t>
  </si>
  <si>
    <t>49 anos</t>
  </si>
  <si>
    <t>Porque achou na reciclagem uma maneira de conseguir renda fazendo algo que gosta e um trabalho digno</t>
  </si>
  <si>
    <t>Loja de sucata, banco de Resíduos e recicladores</t>
  </si>
  <si>
    <t xml:space="preserve"> Variação no preço de venda dos materiais</t>
  </si>
  <si>
    <t>Porque gosta do trabalho, foi o que mais se identificou</t>
  </si>
  <si>
    <t>Sim, mas não conseguiu identificar a área de atuação</t>
  </si>
  <si>
    <t>Receber o dinheiro referente ao trabalho</t>
  </si>
  <si>
    <t>Quando está doente e não consegue trabalhar</t>
  </si>
  <si>
    <t>Porque desde que ela se lembra, a família sempre trabalhou na reciclagem, por necessidade de conseguir renda ela também começou a trabalhar juntamente com sua família, aprendeu a gostar da autonomia e flexibildade do trabalho</t>
  </si>
  <si>
    <t>Porque gosta do trabalho, foi a oportunidade que encontrou para sobreviver e não pretende mudar para outro trabalho</t>
  </si>
  <si>
    <t>Sim, mas não quer, não conseguiu identificar a área de atuação</t>
  </si>
  <si>
    <t>A companhia dos colegas de trabalho</t>
  </si>
  <si>
    <t>Quando os colegam se desentendem e fazem reuniões</t>
  </si>
  <si>
    <t>Catador17</t>
  </si>
  <si>
    <t>Catador18</t>
  </si>
  <si>
    <t>Catador19</t>
  </si>
  <si>
    <t>Catador20</t>
  </si>
  <si>
    <t>Catador21</t>
  </si>
  <si>
    <t>Catador22</t>
  </si>
  <si>
    <t>Catador23</t>
  </si>
  <si>
    <t>Catador24</t>
  </si>
  <si>
    <t>Catador25</t>
  </si>
  <si>
    <t>Catador26</t>
  </si>
  <si>
    <t>Catador27</t>
  </si>
  <si>
    <t>Catador28</t>
  </si>
  <si>
    <t>Catador29</t>
  </si>
  <si>
    <t>Catador30</t>
  </si>
  <si>
    <t>Catador31</t>
  </si>
  <si>
    <t>Catador32</t>
  </si>
  <si>
    <t>Catador33</t>
  </si>
  <si>
    <t>Catador34</t>
  </si>
  <si>
    <t>Catador35</t>
  </si>
  <si>
    <t>Catador36</t>
  </si>
  <si>
    <t>Catador37</t>
  </si>
  <si>
    <t>Catador38</t>
  </si>
  <si>
    <t>Catador39</t>
  </si>
  <si>
    <t>Catador40</t>
  </si>
  <si>
    <t>Catador41</t>
  </si>
  <si>
    <t>Catador42</t>
  </si>
  <si>
    <t>9 pessoas</t>
  </si>
  <si>
    <t>Porque aprendeu a trabalhar na reciclagem com sua mãe que também é catadora, foi a maneira que encontrou de conseguir renda e pagar as contas em casa</t>
  </si>
  <si>
    <t>Vale alimentação da prefeitura: R$440,00; Bolsa família: R$ 400,00 e Aposentadoria do filho: R$1518,00</t>
  </si>
  <si>
    <t>Disponibilidade de tempo</t>
  </si>
  <si>
    <t>Sim, casa emprestrada. 9 cômodos e 2 banheiros</t>
  </si>
  <si>
    <t>Por trabalhando com a reciclagem,ela tem disponibilidade de tempo para cuidar do filho que precisa de cuidados especiais, o que não seria possível se ela trabalhasse em outro trabalho</t>
  </si>
  <si>
    <t>Sim, não soube informar a área de atuação</t>
  </si>
  <si>
    <t>As amizades do trabalho</t>
  </si>
  <si>
    <t xml:space="preserve">Insegurança no valor de venda do material, pois quando baixa o preço não consegue renda suficiente para suprir suas necessidades </t>
  </si>
  <si>
    <t>Preço alto do aluguel do barracão,as pessoas não separam os materiais adequadamente, alto custo de transporte para coletar nos condomínios e a falta de incentivo do governo.</t>
  </si>
  <si>
    <t>Carro</t>
  </si>
  <si>
    <t>Sim, casa alugada. 3 cômodos e 1 banheiro</t>
  </si>
  <si>
    <t>Sim, casa alugada. 1 cômodo e 1 banheiro</t>
  </si>
  <si>
    <t>Catador1</t>
  </si>
  <si>
    <t>48 anos</t>
  </si>
  <si>
    <t>Estava precisando de trabalho e quando viu o trabalho se interessou, iniciou e gostou de trabalhar com a reciclagem</t>
  </si>
  <si>
    <t xml:space="preserve">Residências e empresas </t>
  </si>
  <si>
    <t>Recicladores e atravessadores</t>
  </si>
  <si>
    <t>Sim, casa emprestada pela mãe. 4 cômodos e 1 banheiro.</t>
  </si>
  <si>
    <t>Sim, casa emprestada. 2 cômodos e 1 banheiro</t>
  </si>
  <si>
    <t>Mora com a sobrinha. 5 cômodos e 1 banheiro</t>
  </si>
  <si>
    <t>Por conta da idade, pois é difícil achar outro trabalho</t>
  </si>
  <si>
    <t>Quando pesa o material separado do mês para a venda, pois significa que irá receber em breve.</t>
  </si>
  <si>
    <t>Retirar o rejeito que acumulou no caminhão, pois é pesado</t>
  </si>
  <si>
    <t>28 anos</t>
  </si>
  <si>
    <t>É venezuelana e chegou no Brasil há 5 anos. Trabalhava registrada (CLT), mas devido aos horários de trabalho não conseguia ir deixar e buscar os filhos na escola, então saiu para trabalhar com a reciclagem, pois assim tem flexibilidade de horários.</t>
  </si>
  <si>
    <t>Bolsa família: R$ 400,00</t>
  </si>
  <si>
    <t>Volumes de materiais disponíveis, e o clima (chuva e frio) atrapalha o trabalho e molha o material</t>
  </si>
  <si>
    <t>Casa alugada. 2 cômodos e 1 banheiro</t>
  </si>
  <si>
    <t>Por conta da flexibilidade de horários</t>
  </si>
  <si>
    <t>Sim, em supermercados</t>
  </si>
  <si>
    <t>A convivência com as pessoas que trabalham com ela na reciclagem</t>
  </si>
  <si>
    <t>Carregar o material prensado, pois é pesado, e mexer com vidro, pois pode se cortar</t>
  </si>
  <si>
    <t>2,5 anos</t>
  </si>
  <si>
    <t>Estava desempregado e um amigo que já trabalhava na associação o indicou para trabalhar lá, ele conheceu o trabalho e gostou</t>
  </si>
  <si>
    <t>Comodidade, não procura outro trabalho</t>
  </si>
  <si>
    <t>Não sabe, pois não procurou</t>
  </si>
  <si>
    <t>Quando finaliza o trabalho e vai para casa</t>
  </si>
  <si>
    <t>Trabalhar em dias de chuva, pois molha o material e ele fica mais pesado, dificultando o trabalho</t>
  </si>
  <si>
    <t xml:space="preserve">57 anos </t>
  </si>
  <si>
    <t>Estava em um momento difícil da vida e o sogro que trabalhava com catador doava garrafas de vidro para ela vender, então ela viu a oportunidade e começou a coletar nas ruas com o carrinho e gostou do trabalho. Passou 24 anos coletando na rua antes de ir para a associação.</t>
  </si>
  <si>
    <t>Disponibilidade de tempo, variação de preço dos materiais</t>
  </si>
  <si>
    <t>Não quer outro trabalho, pois gosta de trabalhar com a reciclagem</t>
  </si>
  <si>
    <t>Convivência com as pessoas do trabalho</t>
  </si>
  <si>
    <t>Trabalhar em dias de chuva e frio, pois dificulta o trabalho</t>
  </si>
  <si>
    <t>22 anos</t>
  </si>
  <si>
    <t>4 anos</t>
  </si>
  <si>
    <t xml:space="preserve">A família sempre trabalhou com a reciclagem, então naturalmente ela seguiu no mesmo ramo. </t>
  </si>
  <si>
    <t>Vale alimentação da prefeitura: R$440,00; Revenda de perfumes: R$ 200,00</t>
  </si>
  <si>
    <t>Por comodidade, mas gosta do trabalho</t>
  </si>
  <si>
    <t>Não ser CLT, pois tem flexibilidade de horários, e se o filho precisar dela, ela tem a liberdade de sair.</t>
  </si>
  <si>
    <t>Puxar e erguer bags no caminhão, pois é pesado; Não ter um valor fixo mensal de recebimento, pois varia bastante.</t>
  </si>
  <si>
    <t>Sim, casa alugada. 5 cômodos e 1 banheiro</t>
  </si>
  <si>
    <t>Sim, casa própria. 6 cômodos e 1 banheiro</t>
  </si>
  <si>
    <t>Sim, casa própria. 8 cômodos e 1 banheiro</t>
  </si>
  <si>
    <t>Na Entrega e próximo dia útil</t>
  </si>
  <si>
    <t>Condições físicas, puxar o carrinho, fica muito pesado quando enche de material, tenta empurrar e é difícil a locomoção. Clima: Quando chove, no tempo chuvoso fica complicado coletar os materiais na rua. A variação no valor de venda dos materiais é outra dificuldade.</t>
  </si>
  <si>
    <t xml:space="preserve">Variação no preço de venda dos materiais, falta de valorização aos catadores por parte da sociedade, as pessoas deveriam dar mais importância ao meio ambiente </t>
  </si>
  <si>
    <t>Variação no preço de venda dos materiais, volume de material disponível e produtividade baixa</t>
  </si>
  <si>
    <t>Preço baixo do material, os compradores (atravessadores) baixam o preço do material abaixo do valor de mercado</t>
  </si>
  <si>
    <t>Volumes de material disponivéis</t>
  </si>
  <si>
    <t>Falta de equipamentos</t>
  </si>
  <si>
    <t xml:space="preserve">Produtividade baixa do time de trabalho </t>
  </si>
  <si>
    <t>Condições físicas</t>
  </si>
  <si>
    <t>(caminhão, carro adaptado)</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43" formatCode="_-* #,##0.00_-;\-* #,##0.00_-;_-* &quot;-&quot;??_-;_-@_-"/>
    <numFmt numFmtId="164" formatCode="&quot;R$&quot;\ #,##0.00;[Red]\-&quot;R$&quot;\ #,##0.00"/>
    <numFmt numFmtId="165" formatCode="_-&quot;R$&quot;\ * #,##0.00_-;\-&quot;R$&quot;\ * #,##0.00_-;_-&quot;R$&quot;\ * &quot;-&quot;??_-;_-@_-"/>
    <numFmt numFmtId="166" formatCode="&quot;R$&quot;\ #,##0.00"/>
    <numFmt numFmtId="167" formatCode="&quot;R$&quot;\ #,##0"/>
  </numFmts>
  <fonts count="41" x14ac:knownFonts="1">
    <font>
      <sz val="11"/>
      <color theme="1"/>
      <name val="Aptos Narrow"/>
      <family val="2"/>
      <scheme val="minor"/>
    </font>
    <font>
      <sz val="11"/>
      <color theme="1"/>
      <name val="Aptos Narrow"/>
      <family val="2"/>
      <scheme val="minor"/>
    </font>
    <font>
      <sz val="12"/>
      <color theme="1"/>
      <name val="Arial Nova"/>
      <family val="2"/>
    </font>
    <font>
      <b/>
      <sz val="12"/>
      <color theme="1"/>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b/>
      <sz val="11"/>
      <color rgb="FFFF0000"/>
      <name val="Arial Nova"/>
      <family val="2"/>
    </font>
    <font>
      <b/>
      <sz val="20"/>
      <color theme="0"/>
      <name val="Arial Nova"/>
      <family val="2"/>
    </font>
    <font>
      <i/>
      <sz val="12"/>
      <color theme="1"/>
      <name val="Arial Nova"/>
      <family val="2"/>
    </font>
    <font>
      <sz val="11"/>
      <name val="Aptos Narrow"/>
      <family val="2"/>
      <scheme val="minor"/>
    </font>
    <font>
      <b/>
      <i/>
      <sz val="12"/>
      <name val="Arial Nova"/>
      <family val="2"/>
    </font>
    <font>
      <i/>
      <sz val="12"/>
      <name val="Arial Nova"/>
      <family val="2"/>
    </font>
    <font>
      <b/>
      <i/>
      <sz val="11"/>
      <color theme="1"/>
      <name val="Arial Nova"/>
      <family val="2"/>
    </font>
    <font>
      <b/>
      <i/>
      <sz val="20"/>
      <color theme="0"/>
      <name val="Arial Nova"/>
      <family val="2"/>
    </font>
    <font>
      <b/>
      <i/>
      <sz val="11"/>
      <color theme="0"/>
      <name val="Arial Nova"/>
      <family val="2"/>
    </font>
    <font>
      <b/>
      <i/>
      <sz val="11"/>
      <name val="Arial Nova"/>
      <family val="2"/>
    </font>
    <font>
      <i/>
      <sz val="11"/>
      <name val="Arial Nova"/>
      <family val="2"/>
    </font>
    <font>
      <i/>
      <sz val="11"/>
      <color theme="0" tint="-0.34998626667073579"/>
      <name val="Arial Nova"/>
      <family val="2"/>
    </font>
    <font>
      <sz val="11"/>
      <color rgb="FF0000FF"/>
      <name val="Arial Nova"/>
      <family val="2"/>
    </font>
    <font>
      <sz val="11"/>
      <color rgb="FFC00000"/>
      <name val="Arial Nova"/>
      <family val="2"/>
    </font>
    <font>
      <b/>
      <sz val="12"/>
      <color rgb="FFFF0000"/>
      <name val="Arial Nova"/>
      <family val="2"/>
    </font>
    <font>
      <sz val="12"/>
      <color theme="1"/>
      <name val="Arial Nova"/>
      <family val="2"/>
    </font>
    <font>
      <sz val="8"/>
      <name val="Aptos Narrow"/>
      <family val="2"/>
      <scheme val="minor"/>
    </font>
    <font>
      <b/>
      <sz val="12"/>
      <color theme="0"/>
      <name val="Arial Nova"/>
      <family val="2"/>
    </font>
    <font>
      <b/>
      <sz val="12"/>
      <name val="Arial Nova"/>
      <family val="2"/>
    </font>
    <font>
      <b/>
      <sz val="14"/>
      <color theme="0"/>
      <name val="Arial Nova"/>
      <family val="2"/>
    </font>
    <font>
      <sz val="11"/>
      <color theme="1"/>
      <name val="Arial"/>
      <family val="2"/>
    </font>
  </fonts>
  <fills count="11">
    <fill>
      <patternFill patternType="none"/>
    </fill>
    <fill>
      <patternFill patternType="gray125"/>
    </fill>
    <fill>
      <patternFill patternType="solid">
        <fgColor theme="0"/>
        <bgColor indexed="64"/>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rgb="FFFFFF00"/>
        <bgColor indexed="64"/>
      </patternFill>
    </fill>
  </fills>
  <borders count="52">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style="thin">
        <color theme="0"/>
      </left>
      <right/>
      <top style="thin">
        <color theme="0"/>
      </top>
      <bottom style="thin">
        <color indexed="64"/>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6795556505021"/>
      </left>
      <right/>
      <top/>
      <bottom style="thin">
        <color theme="0" tint="-0.14999847407452621"/>
      </bottom>
      <diagonal/>
    </border>
    <border>
      <left/>
      <right style="thin">
        <color theme="0" tint="-0.14996795556505021"/>
      </right>
      <top/>
      <bottom style="thin">
        <color theme="0" tint="-0.14999847407452621"/>
      </bottom>
      <diagonal/>
    </border>
    <border>
      <left style="thin">
        <color theme="2" tint="-9.9978637043366805E-2"/>
      </left>
      <right/>
      <top/>
      <bottom/>
      <diagonal/>
    </border>
    <border>
      <left style="thin">
        <color theme="0" tint="-0.14999847407452621"/>
      </left>
      <right/>
      <top style="thin">
        <color theme="0" tint="-0.14999847407452621"/>
      </top>
      <bottom style="thin">
        <color theme="0" tint="-0.14999847407452621"/>
      </bottom>
      <diagonal/>
    </border>
    <border>
      <left/>
      <right/>
      <top style="thin">
        <color theme="0" tint="-0.14999847407452621"/>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right/>
      <top style="thin">
        <color theme="0"/>
      </top>
      <bottom style="thin">
        <color theme="1"/>
      </bottom>
      <diagonal/>
    </border>
    <border>
      <left style="thin">
        <color theme="0" tint="-0.14999847407452621"/>
      </left>
      <right/>
      <top style="thin">
        <color theme="0" tint="-0.14999847407452621"/>
      </top>
      <bottom style="thin">
        <color theme="0"/>
      </bottom>
      <diagonal/>
    </border>
    <border>
      <left/>
      <right style="thin">
        <color theme="0" tint="-0.14999847407452621"/>
      </right>
      <top style="thin">
        <color theme="0" tint="-0.14999847407452621"/>
      </top>
      <bottom style="thin">
        <color theme="0"/>
      </bottom>
      <diagonal/>
    </border>
    <border>
      <left style="thin">
        <color theme="0" tint="-0.14999847407452621"/>
      </left>
      <right/>
      <top style="thin">
        <color theme="0"/>
      </top>
      <bottom style="thin">
        <color theme="0" tint="-0.14999847407452621"/>
      </bottom>
      <diagonal/>
    </border>
    <border>
      <left/>
      <right style="thin">
        <color theme="0" tint="-0.14999847407452621"/>
      </right>
      <top style="thin">
        <color theme="0"/>
      </top>
      <bottom style="thin">
        <color theme="0" tint="-0.14999847407452621"/>
      </bottom>
      <diagonal/>
    </border>
    <border>
      <left style="thin">
        <color theme="0" tint="-0.14999847407452621"/>
      </left>
      <right/>
      <top style="thin">
        <color theme="0"/>
      </top>
      <bottom style="thin">
        <color theme="0"/>
      </bottom>
      <diagonal/>
    </border>
    <border>
      <left/>
      <right style="thin">
        <color theme="0" tint="-0.14999847407452621"/>
      </right>
      <top style="thin">
        <color theme="0"/>
      </top>
      <bottom style="thin">
        <color theme="0"/>
      </bottom>
      <diagonal/>
    </border>
  </borders>
  <cellStyleXfs count="5">
    <xf numFmtId="0" fontId="0" fillId="0" borderId="0"/>
    <xf numFmtId="9" fontId="1" fillId="0" borderId="0" applyFont="0" applyFill="0" applyBorder="0" applyAlignment="0" applyProtection="0"/>
    <xf numFmtId="43" fontId="1" fillId="0" borderId="0" applyFont="0" applyFill="0" applyBorder="0" applyAlignment="0" applyProtection="0"/>
    <xf numFmtId="0" fontId="23" fillId="0" borderId="0"/>
    <xf numFmtId="165" fontId="1" fillId="0" borderId="0" applyFont="0" applyFill="0" applyBorder="0" applyAlignment="0" applyProtection="0"/>
  </cellStyleXfs>
  <cellXfs count="237">
    <xf numFmtId="0" fontId="0" fillId="0" borderId="0" xfId="0"/>
    <xf numFmtId="0" fontId="2" fillId="0" borderId="0" xfId="0" applyFont="1"/>
    <xf numFmtId="0" fontId="5" fillId="0" borderId="0" xfId="0" applyFont="1" applyAlignment="1">
      <alignment vertical="center"/>
    </xf>
    <xf numFmtId="0" fontId="5" fillId="0" borderId="0" xfId="0" applyFont="1" applyAlignment="1">
      <alignment vertical="center" wrapText="1"/>
    </xf>
    <xf numFmtId="0" fontId="2" fillId="0" borderId="0" xfId="0" applyFont="1" applyAlignment="1">
      <alignment vertical="center"/>
    </xf>
    <xf numFmtId="0" fontId="3" fillId="2" borderId="1" xfId="0" applyFont="1" applyFill="1" applyBorder="1" applyAlignment="1">
      <alignment horizontal="left" vertical="center" wrapText="1"/>
    </xf>
    <xf numFmtId="0" fontId="2" fillId="0" borderId="0" xfId="0" applyFont="1" applyAlignment="1">
      <alignment vertical="center" wrapText="1"/>
    </xf>
    <xf numFmtId="0" fontId="10" fillId="3" borderId="1" xfId="0" applyFont="1" applyFill="1" applyBorder="1" applyAlignment="1">
      <alignment vertical="center"/>
    </xf>
    <xf numFmtId="0" fontId="11" fillId="0" borderId="0" xfId="0" applyFont="1" applyAlignment="1">
      <alignment vertical="center"/>
    </xf>
    <xf numFmtId="0" fontId="2" fillId="0" borderId="0" xfId="0" applyFont="1" applyAlignment="1">
      <alignment horizontal="center"/>
    </xf>
    <xf numFmtId="0" fontId="10" fillId="3" borderId="18" xfId="0" applyFont="1" applyFill="1" applyBorder="1" applyAlignment="1">
      <alignment vertical="center"/>
    </xf>
    <xf numFmtId="0" fontId="10" fillId="3" borderId="18" xfId="0" applyFont="1" applyFill="1" applyBorder="1" applyAlignment="1">
      <alignment horizontal="center" vertical="center" wrapText="1"/>
    </xf>
    <xf numFmtId="0" fontId="2" fillId="0" borderId="16" xfId="0" applyFont="1" applyBorder="1" applyAlignment="1">
      <alignment vertical="center"/>
    </xf>
    <xf numFmtId="0" fontId="2" fillId="0" borderId="16" xfId="0" applyFont="1" applyBorder="1" applyAlignment="1">
      <alignment horizontal="center"/>
    </xf>
    <xf numFmtId="0" fontId="5" fillId="0" borderId="0" xfId="0" applyFont="1" applyAlignment="1">
      <alignment horizontal="center" vertical="center" wrapText="1"/>
    </xf>
    <xf numFmtId="0" fontId="5" fillId="0" borderId="0" xfId="0" applyFont="1" applyAlignment="1">
      <alignment horizontal="left" vertical="center" wrapText="1"/>
    </xf>
    <xf numFmtId="0" fontId="5" fillId="0" borderId="0" xfId="0" applyFont="1" applyAlignment="1">
      <alignment horizontal="left" vertical="center"/>
    </xf>
    <xf numFmtId="0" fontId="7" fillId="2" borderId="0" xfId="0" applyFont="1" applyFill="1" applyAlignment="1">
      <alignment horizontal="left" wrapText="1"/>
    </xf>
    <xf numFmtId="0" fontId="8" fillId="2" borderId="0" xfId="0" applyFont="1" applyFill="1" applyAlignment="1">
      <alignment horizontal="left" wrapText="1"/>
    </xf>
    <xf numFmtId="0" fontId="2" fillId="2" borderId="0" xfId="0" applyFont="1" applyFill="1"/>
    <xf numFmtId="0" fontId="2" fillId="0" borderId="16" xfId="0" applyFont="1" applyBorder="1" applyAlignment="1">
      <alignment vertical="center" wrapText="1"/>
    </xf>
    <xf numFmtId="0" fontId="8" fillId="7" borderId="0" xfId="0" applyFont="1" applyFill="1" applyAlignment="1">
      <alignment horizontal="left" vertical="center"/>
    </xf>
    <xf numFmtId="0" fontId="9" fillId="7" borderId="0" xfId="0" applyFont="1" applyFill="1" applyAlignment="1">
      <alignment horizontal="left" vertical="center"/>
    </xf>
    <xf numFmtId="0" fontId="4" fillId="0" borderId="0" xfId="0" applyFont="1" applyAlignment="1">
      <alignment vertical="center"/>
    </xf>
    <xf numFmtId="0" fontId="4" fillId="0" borderId="0" xfId="0" applyFont="1" applyAlignment="1">
      <alignment vertical="center" wrapText="1"/>
    </xf>
    <xf numFmtId="0" fontId="4" fillId="0" borderId="14" xfId="0" applyFont="1" applyBorder="1" applyAlignment="1">
      <alignment vertical="center" wrapText="1"/>
    </xf>
    <xf numFmtId="0" fontId="6" fillId="0" borderId="0" xfId="0" applyFont="1" applyAlignment="1">
      <alignment horizontal="left" vertical="center"/>
    </xf>
    <xf numFmtId="0" fontId="5" fillId="2" borderId="0" xfId="0" applyFont="1" applyFill="1" applyAlignment="1">
      <alignment vertical="center"/>
    </xf>
    <xf numFmtId="0" fontId="5" fillId="0" borderId="13" xfId="0" applyFont="1" applyBorder="1" applyAlignment="1">
      <alignment vertical="center"/>
    </xf>
    <xf numFmtId="9" fontId="5" fillId="8" borderId="1" xfId="1" applyFont="1" applyFill="1" applyBorder="1" applyAlignment="1">
      <alignment horizontal="center" vertical="center"/>
    </xf>
    <xf numFmtId="9" fontId="5" fillId="8" borderId="26" xfId="1" applyFont="1" applyFill="1" applyBorder="1" applyAlignment="1">
      <alignment horizontal="center" vertical="center"/>
    </xf>
    <xf numFmtId="0" fontId="4" fillId="4" borderId="0" xfId="0" applyFont="1" applyFill="1" applyAlignment="1">
      <alignment horizontal="center" vertical="center"/>
    </xf>
    <xf numFmtId="9" fontId="5" fillId="8" borderId="0" xfId="1" applyFont="1" applyFill="1" applyBorder="1" applyAlignment="1">
      <alignment horizontal="center" vertical="center"/>
    </xf>
    <xf numFmtId="0" fontId="4" fillId="0" borderId="2" xfId="0" applyFont="1" applyBorder="1" applyAlignment="1">
      <alignment horizontal="center" vertical="center"/>
    </xf>
    <xf numFmtId="0" fontId="4" fillId="0" borderId="0" xfId="0" applyFont="1" applyAlignment="1">
      <alignment horizontal="left" vertical="center" wrapText="1"/>
    </xf>
    <xf numFmtId="0" fontId="5" fillId="0" borderId="14" xfId="0" applyFont="1" applyBorder="1" applyAlignment="1">
      <alignment horizontal="left" vertical="center"/>
    </xf>
    <xf numFmtId="0" fontId="5" fillId="0" borderId="14" xfId="0" applyFont="1" applyBorder="1" applyAlignment="1">
      <alignment vertical="center"/>
    </xf>
    <xf numFmtId="0" fontId="5" fillId="0" borderId="14" xfId="0" applyFont="1" applyBorder="1" applyAlignment="1">
      <alignment vertical="center" wrapText="1"/>
    </xf>
    <xf numFmtId="0" fontId="4" fillId="9" borderId="12" xfId="0" applyFont="1" applyFill="1" applyBorder="1" applyAlignment="1">
      <alignment vertical="center"/>
    </xf>
    <xf numFmtId="0" fontId="5" fillId="9" borderId="7" xfId="0" applyFont="1" applyFill="1" applyBorder="1" applyAlignment="1">
      <alignment vertical="center"/>
    </xf>
    <xf numFmtId="0" fontId="5" fillId="9" borderId="8" xfId="0" applyFont="1" applyFill="1" applyBorder="1" applyAlignment="1">
      <alignment vertical="center"/>
    </xf>
    <xf numFmtId="0" fontId="5" fillId="9" borderId="6" xfId="0" applyFont="1" applyFill="1" applyBorder="1" applyAlignment="1">
      <alignment vertical="center"/>
    </xf>
    <xf numFmtId="0" fontId="13" fillId="9" borderId="6" xfId="0" applyFont="1" applyFill="1" applyBorder="1" applyAlignment="1">
      <alignment vertical="center"/>
    </xf>
    <xf numFmtId="0" fontId="4" fillId="9" borderId="0" xfId="0" applyFont="1" applyFill="1" applyAlignment="1">
      <alignment vertical="center"/>
    </xf>
    <xf numFmtId="0" fontId="20" fillId="0" borderId="0" xfId="0" applyFont="1" applyAlignment="1">
      <alignment horizontal="left" vertical="center"/>
    </xf>
    <xf numFmtId="0" fontId="3" fillId="7" borderId="0" xfId="0" applyFont="1" applyFill="1" applyAlignment="1">
      <alignment horizontal="left" wrapText="1"/>
    </xf>
    <xf numFmtId="0" fontId="2" fillId="7" borderId="0" xfId="0" applyFont="1" applyFill="1"/>
    <xf numFmtId="0" fontId="5" fillId="0" borderId="25" xfId="0" applyFont="1" applyBorder="1" applyAlignment="1">
      <alignment horizontal="left" vertical="center" wrapText="1"/>
    </xf>
    <xf numFmtId="0" fontId="2" fillId="0" borderId="16" xfId="0" applyFont="1" applyBorder="1" applyAlignment="1">
      <alignment horizontal="left" vertical="center" indent="6"/>
    </xf>
    <xf numFmtId="0" fontId="2" fillId="0" borderId="16" xfId="0" applyFont="1" applyBorder="1" applyAlignment="1">
      <alignment horizontal="left" vertical="center" wrapText="1" indent="6"/>
    </xf>
    <xf numFmtId="0" fontId="5" fillId="0" borderId="0" xfId="0" applyFont="1" applyAlignment="1">
      <alignment horizontal="left" vertical="center" indent="3"/>
    </xf>
    <xf numFmtId="0" fontId="4" fillId="0" borderId="0" xfId="0" applyFont="1" applyAlignment="1">
      <alignment horizontal="left" vertical="center"/>
    </xf>
    <xf numFmtId="0" fontId="21" fillId="5" borderId="0" xfId="0" applyFont="1" applyFill="1" applyAlignment="1">
      <alignment vertical="center"/>
    </xf>
    <xf numFmtId="0" fontId="12" fillId="5" borderId="0" xfId="0" applyFont="1" applyFill="1" applyAlignment="1">
      <alignment vertical="center"/>
    </xf>
    <xf numFmtId="0" fontId="6" fillId="0" borderId="6" xfId="0" applyFont="1" applyBorder="1" applyAlignment="1">
      <alignment horizontal="left" vertical="center" wrapText="1"/>
    </xf>
    <xf numFmtId="0" fontId="6" fillId="0" borderId="0" xfId="0" applyFont="1" applyAlignment="1">
      <alignment horizontal="left" vertical="center" wrapText="1"/>
    </xf>
    <xf numFmtId="0" fontId="16" fillId="0" borderId="0" xfId="0" applyFont="1" applyAlignment="1">
      <alignment vertical="center"/>
    </xf>
    <xf numFmtId="0" fontId="5" fillId="2" borderId="3" xfId="0" applyFont="1" applyFill="1" applyBorder="1" applyAlignment="1">
      <alignment vertical="center"/>
    </xf>
    <xf numFmtId="0" fontId="5" fillId="0" borderId="3" xfId="0" applyFont="1" applyBorder="1" applyAlignment="1">
      <alignment vertical="center"/>
    </xf>
    <xf numFmtId="0" fontId="5" fillId="2" borderId="5" xfId="0" applyFont="1" applyFill="1" applyBorder="1" applyAlignment="1">
      <alignment vertical="center"/>
    </xf>
    <xf numFmtId="0" fontId="5" fillId="2" borderId="2" xfId="0" applyFont="1" applyFill="1" applyBorder="1" applyAlignment="1">
      <alignment vertical="center"/>
    </xf>
    <xf numFmtId="0" fontId="4" fillId="2" borderId="0" xfId="0" applyFont="1" applyFill="1" applyAlignment="1">
      <alignment vertical="center"/>
    </xf>
    <xf numFmtId="0" fontId="5" fillId="2" borderId="0" xfId="0" applyFont="1" applyFill="1" applyAlignment="1">
      <alignment horizontal="left" vertical="center"/>
    </xf>
    <xf numFmtId="0" fontId="5" fillId="0" borderId="6" xfId="0" applyFont="1" applyBorder="1" applyAlignment="1">
      <alignment vertical="center"/>
    </xf>
    <xf numFmtId="0" fontId="17" fillId="0" borderId="0" xfId="0" applyFont="1" applyAlignment="1">
      <alignment horizontal="left" vertical="center"/>
    </xf>
    <xf numFmtId="0" fontId="19" fillId="0" borderId="0" xfId="0" applyFont="1" applyAlignment="1">
      <alignment vertical="center"/>
    </xf>
    <xf numFmtId="0" fontId="13" fillId="2" borderId="0" xfId="0" applyFont="1" applyFill="1" applyAlignment="1">
      <alignment vertical="center"/>
    </xf>
    <xf numFmtId="0" fontId="6" fillId="0" borderId="9" xfId="0" applyFont="1" applyBorder="1" applyAlignment="1">
      <alignment vertical="center"/>
    </xf>
    <xf numFmtId="0" fontId="16" fillId="2" borderId="0" xfId="0" applyFont="1" applyFill="1" applyAlignment="1">
      <alignment horizontal="left" vertical="center" wrapText="1"/>
    </xf>
    <xf numFmtId="0" fontId="24" fillId="7" borderId="0" xfId="0" applyFont="1" applyFill="1" applyAlignment="1">
      <alignment horizontal="left" vertical="center"/>
    </xf>
    <xf numFmtId="0" fontId="25" fillId="7" borderId="0" xfId="0" applyFont="1" applyFill="1" applyAlignment="1">
      <alignment horizontal="left" vertical="center"/>
    </xf>
    <xf numFmtId="0" fontId="16" fillId="0" borderId="0" xfId="0" applyFont="1" applyAlignment="1">
      <alignment horizontal="left" vertical="center"/>
    </xf>
    <xf numFmtId="0" fontId="22" fillId="6" borderId="0" xfId="0" applyFont="1" applyFill="1" applyAlignment="1">
      <alignment horizontal="left" vertical="center"/>
    </xf>
    <xf numFmtId="0" fontId="22" fillId="8" borderId="0" xfId="0" applyFont="1" applyFill="1" applyAlignment="1">
      <alignment horizontal="left" vertical="center"/>
    </xf>
    <xf numFmtId="0" fontId="26" fillId="0" borderId="14" xfId="0" applyFont="1" applyBorder="1" applyAlignment="1">
      <alignment horizontal="left" vertical="center" wrapText="1"/>
    </xf>
    <xf numFmtId="0" fontId="26" fillId="0" borderId="0" xfId="0" applyFont="1" applyAlignment="1">
      <alignment horizontal="left" vertical="center" wrapText="1"/>
    </xf>
    <xf numFmtId="0" fontId="27" fillId="5" borderId="0" xfId="0" applyFont="1" applyFill="1" applyAlignment="1">
      <alignment horizontal="left" vertical="center"/>
    </xf>
    <xf numFmtId="0" fontId="26" fillId="9" borderId="0" xfId="0" applyFont="1" applyFill="1" applyAlignment="1">
      <alignment horizontal="left" vertical="center"/>
    </xf>
    <xf numFmtId="0" fontId="28" fillId="0" borderId="0" xfId="0" applyFont="1" applyAlignment="1">
      <alignment horizontal="left" vertical="center" wrapText="1"/>
    </xf>
    <xf numFmtId="0" fontId="29" fillId="2" borderId="0" xfId="0" applyFont="1" applyFill="1" applyAlignment="1">
      <alignment horizontal="left" vertical="center" wrapText="1"/>
    </xf>
    <xf numFmtId="0" fontId="30" fillId="2" borderId="0" xfId="0" applyFont="1" applyFill="1" applyAlignment="1">
      <alignment horizontal="left" vertical="center" wrapText="1"/>
    </xf>
    <xf numFmtId="0" fontId="16" fillId="2" borderId="0" xfId="0" applyFont="1" applyFill="1" applyAlignment="1">
      <alignment horizontal="left" vertical="center"/>
    </xf>
    <xf numFmtId="0" fontId="26" fillId="2" borderId="0" xfId="0" applyFont="1" applyFill="1" applyAlignment="1">
      <alignment horizontal="left" vertical="center" wrapText="1"/>
    </xf>
    <xf numFmtId="0" fontId="26" fillId="2" borderId="14" xfId="0" applyFont="1" applyFill="1" applyBorder="1" applyAlignment="1">
      <alignment horizontal="left" vertical="center" wrapText="1"/>
    </xf>
    <xf numFmtId="0" fontId="26" fillId="2" borderId="0" xfId="0" applyFont="1" applyFill="1" applyAlignment="1">
      <alignment horizontal="left" vertical="center"/>
    </xf>
    <xf numFmtId="0" fontId="16" fillId="2" borderId="14" xfId="0" applyFont="1" applyFill="1" applyBorder="1" applyAlignment="1">
      <alignment horizontal="left" vertical="center"/>
    </xf>
    <xf numFmtId="0" fontId="5" fillId="0" borderId="35" xfId="0" applyFont="1" applyBorder="1" applyAlignment="1">
      <alignment horizontal="left" vertical="center"/>
    </xf>
    <xf numFmtId="0" fontId="5" fillId="0" borderId="36" xfId="0" applyFont="1" applyBorder="1" applyAlignment="1">
      <alignment horizontal="left" vertical="center"/>
    </xf>
    <xf numFmtId="0" fontId="5" fillId="0" borderId="37" xfId="0" applyFont="1" applyBorder="1" applyAlignment="1">
      <alignment horizontal="left" vertical="center"/>
    </xf>
    <xf numFmtId="0" fontId="32" fillId="6" borderId="1" xfId="0" applyFont="1" applyFill="1" applyBorder="1" applyAlignment="1">
      <alignment horizontal="center" vertical="center"/>
    </xf>
    <xf numFmtId="0" fontId="4" fillId="9" borderId="1" xfId="0" applyFont="1" applyFill="1" applyBorder="1" applyAlignment="1">
      <alignment vertical="center"/>
    </xf>
    <xf numFmtId="0" fontId="9" fillId="7" borderId="0" xfId="0" applyFont="1" applyFill="1" applyAlignment="1">
      <alignment horizontal="left" vertical="center" indent="2"/>
    </xf>
    <xf numFmtId="0" fontId="3" fillId="6" borderId="0" xfId="0" applyFont="1" applyFill="1" applyAlignment="1">
      <alignment vertical="center"/>
    </xf>
    <xf numFmtId="0" fontId="3" fillId="8" borderId="0" xfId="0" applyFont="1" applyFill="1" applyAlignment="1">
      <alignment vertical="center"/>
    </xf>
    <xf numFmtId="0" fontId="5" fillId="9" borderId="9" xfId="0" applyFont="1" applyFill="1" applyBorder="1" applyAlignment="1">
      <alignment vertical="center"/>
    </xf>
    <xf numFmtId="0" fontId="31" fillId="0" borderId="0" xfId="0" applyFont="1" applyAlignment="1">
      <alignment horizontal="left" vertical="center" wrapText="1"/>
    </xf>
    <xf numFmtId="0" fontId="32" fillId="0" borderId="0" xfId="0" applyFont="1" applyAlignment="1">
      <alignment vertical="center"/>
    </xf>
    <xf numFmtId="0" fontId="32" fillId="6" borderId="17" xfId="0" applyFont="1" applyFill="1" applyBorder="1" applyAlignment="1">
      <alignment horizontal="center" vertical="center"/>
    </xf>
    <xf numFmtId="1" fontId="32" fillId="6" borderId="1" xfId="1" applyNumberFormat="1" applyFont="1" applyFill="1" applyBorder="1" applyAlignment="1">
      <alignment horizontal="center" vertical="center"/>
    </xf>
    <xf numFmtId="9" fontId="32" fillId="6" borderId="1" xfId="0" applyNumberFormat="1" applyFont="1" applyFill="1" applyBorder="1" applyAlignment="1">
      <alignment horizontal="center" vertical="center"/>
    </xf>
    <xf numFmtId="1" fontId="32" fillId="6" borderId="17" xfId="2" applyNumberFormat="1" applyFont="1" applyFill="1" applyBorder="1" applyAlignment="1">
      <alignment horizontal="center" vertical="center"/>
    </xf>
    <xf numFmtId="0" fontId="32" fillId="6" borderId="0" xfId="0" applyFont="1" applyFill="1" applyAlignment="1">
      <alignment horizontal="center" vertical="center"/>
    </xf>
    <xf numFmtId="0" fontId="6" fillId="5" borderId="9" xfId="0" applyFont="1" applyFill="1" applyBorder="1" applyAlignment="1">
      <alignment horizontal="center" vertical="center"/>
    </xf>
    <xf numFmtId="0" fontId="6" fillId="5" borderId="0" xfId="0" applyFont="1" applyFill="1" applyAlignment="1">
      <alignment horizontal="center" vertical="center"/>
    </xf>
    <xf numFmtId="0" fontId="5" fillId="0" borderId="0" xfId="0" applyFont="1" applyAlignment="1">
      <alignment horizontal="center" vertical="center"/>
    </xf>
    <xf numFmtId="1" fontId="5" fillId="8" borderId="5" xfId="0" applyNumberFormat="1" applyFont="1" applyFill="1" applyBorder="1" applyAlignment="1">
      <alignment horizontal="center" vertical="center"/>
    </xf>
    <xf numFmtId="0" fontId="5" fillId="8" borderId="5" xfId="0" applyFont="1" applyFill="1" applyBorder="1" applyAlignment="1">
      <alignment horizontal="center" vertical="center"/>
    </xf>
    <xf numFmtId="0" fontId="6" fillId="5" borderId="0" xfId="0" applyFont="1" applyFill="1" applyAlignment="1">
      <alignment horizontal="center" vertical="center" wrapText="1"/>
    </xf>
    <xf numFmtId="0" fontId="6" fillId="5" borderId="10" xfId="0" applyFont="1" applyFill="1" applyBorder="1" applyAlignment="1">
      <alignment horizontal="center" vertical="center"/>
    </xf>
    <xf numFmtId="0" fontId="6" fillId="5" borderId="11" xfId="0" applyFont="1" applyFill="1" applyBorder="1" applyAlignment="1">
      <alignment horizontal="center" vertical="center"/>
    </xf>
    <xf numFmtId="0" fontId="5" fillId="2" borderId="0" xfId="0" applyFont="1" applyFill="1" applyAlignment="1">
      <alignment horizontal="center" vertical="center"/>
    </xf>
    <xf numFmtId="0" fontId="6" fillId="5" borderId="15" xfId="0" applyFont="1" applyFill="1" applyBorder="1" applyAlignment="1">
      <alignment horizontal="center" vertical="center" wrapText="1"/>
    </xf>
    <xf numFmtId="0" fontId="9" fillId="7" borderId="0" xfId="0" applyFont="1" applyFill="1" applyAlignment="1">
      <alignment horizontal="left" vertical="top"/>
    </xf>
    <xf numFmtId="0" fontId="8" fillId="7" borderId="0" xfId="0" applyFont="1" applyFill="1" applyAlignment="1">
      <alignment horizontal="left" wrapText="1"/>
    </xf>
    <xf numFmtId="0" fontId="5" fillId="6" borderId="0" xfId="0" applyFont="1" applyFill="1" applyAlignment="1">
      <alignment vertical="center"/>
    </xf>
    <xf numFmtId="0" fontId="5" fillId="8" borderId="0" xfId="0" applyFont="1" applyFill="1" applyAlignment="1">
      <alignment vertical="center"/>
    </xf>
    <xf numFmtId="0" fontId="6" fillId="2" borderId="0" xfId="0" applyFont="1" applyFill="1" applyAlignment="1">
      <alignment vertical="center"/>
    </xf>
    <xf numFmtId="0" fontId="5" fillId="9" borderId="0" xfId="0" applyFont="1" applyFill="1" applyAlignment="1">
      <alignment vertical="center"/>
    </xf>
    <xf numFmtId="164" fontId="2" fillId="0" borderId="16" xfId="0" applyNumberFormat="1" applyFont="1" applyBorder="1" applyAlignment="1">
      <alignment horizontal="center"/>
    </xf>
    <xf numFmtId="4" fontId="2" fillId="0" borderId="16" xfId="0" applyNumberFormat="1" applyFont="1" applyBorder="1" applyAlignment="1">
      <alignment horizontal="center"/>
    </xf>
    <xf numFmtId="164" fontId="2" fillId="0" borderId="0" xfId="0" applyNumberFormat="1" applyFont="1" applyAlignment="1">
      <alignment horizontal="center"/>
    </xf>
    <xf numFmtId="0" fontId="2" fillId="0" borderId="16" xfId="0" quotePrefix="1" applyFont="1" applyBorder="1" applyAlignment="1">
      <alignment horizontal="center"/>
    </xf>
    <xf numFmtId="3" fontId="2" fillId="0" borderId="16" xfId="0" applyNumberFormat="1" applyFont="1" applyBorder="1" applyAlignment="1">
      <alignment horizontal="center"/>
    </xf>
    <xf numFmtId="166" fontId="2" fillId="0" borderId="16" xfId="0" applyNumberFormat="1" applyFont="1" applyBorder="1" applyAlignment="1">
      <alignment horizontal="center"/>
    </xf>
    <xf numFmtId="164" fontId="35" fillId="0" borderId="16" xfId="0" applyNumberFormat="1" applyFont="1" applyBorder="1" applyAlignment="1">
      <alignment horizontal="center"/>
    </xf>
    <xf numFmtId="0" fontId="35" fillId="0" borderId="0" xfId="0" applyFont="1" applyAlignment="1">
      <alignment horizontal="center"/>
    </xf>
    <xf numFmtId="0" fontId="35" fillId="0" borderId="16" xfId="0" applyFont="1" applyBorder="1" applyAlignment="1">
      <alignment horizontal="center"/>
    </xf>
    <xf numFmtId="0" fontId="37" fillId="2" borderId="0" xfId="0" applyFont="1" applyFill="1" applyAlignment="1">
      <alignment horizontal="left" wrapText="1"/>
    </xf>
    <xf numFmtId="0" fontId="38" fillId="2" borderId="0" xfId="0" applyFont="1" applyFill="1" applyAlignment="1">
      <alignment horizontal="left" wrapText="1"/>
    </xf>
    <xf numFmtId="0" fontId="38" fillId="7" borderId="0" xfId="0" applyFont="1" applyFill="1" applyAlignment="1">
      <alignment horizontal="left" wrapText="1"/>
    </xf>
    <xf numFmtId="0" fontId="39" fillId="3" borderId="18" xfId="0" applyFont="1" applyFill="1" applyBorder="1" applyAlignment="1">
      <alignment horizontal="center" vertical="center" wrapText="1"/>
    </xf>
    <xf numFmtId="166" fontId="35" fillId="0" borderId="16" xfId="4" applyNumberFormat="1" applyFont="1" applyBorder="1" applyAlignment="1">
      <alignment horizontal="center"/>
    </xf>
    <xf numFmtId="0" fontId="35" fillId="0" borderId="16" xfId="0" quotePrefix="1" applyFont="1" applyBorder="1" applyAlignment="1">
      <alignment horizontal="center"/>
    </xf>
    <xf numFmtId="166" fontId="32" fillId="6" borderId="1" xfId="0" applyNumberFormat="1" applyFont="1" applyFill="1" applyBorder="1" applyAlignment="1">
      <alignment horizontal="center" vertical="center"/>
    </xf>
    <xf numFmtId="9" fontId="5" fillId="0" borderId="0" xfId="0" applyNumberFormat="1" applyFont="1" applyAlignment="1">
      <alignment horizontal="left" vertical="center"/>
    </xf>
    <xf numFmtId="164" fontId="32" fillId="6" borderId="1" xfId="0" applyNumberFormat="1" applyFont="1" applyFill="1" applyBorder="1" applyAlignment="1">
      <alignment horizontal="center" vertical="center"/>
    </xf>
    <xf numFmtId="164" fontId="32" fillId="6" borderId="17" xfId="0" applyNumberFormat="1" applyFont="1" applyFill="1" applyBorder="1" applyAlignment="1">
      <alignment horizontal="center" vertical="center"/>
    </xf>
    <xf numFmtId="1" fontId="5" fillId="0" borderId="0" xfId="0" applyNumberFormat="1" applyFont="1" applyAlignment="1">
      <alignment horizontal="left" vertical="center" wrapText="1"/>
    </xf>
    <xf numFmtId="1" fontId="5" fillId="0" borderId="0" xfId="0" applyNumberFormat="1" applyFont="1" applyAlignment="1">
      <alignment horizontal="left" vertical="center"/>
    </xf>
    <xf numFmtId="166" fontId="35" fillId="0" borderId="16" xfId="4" applyNumberFormat="1" applyFont="1" applyFill="1" applyBorder="1" applyAlignment="1">
      <alignment horizontal="center"/>
    </xf>
    <xf numFmtId="4" fontId="2" fillId="10" borderId="16" xfId="0" applyNumberFormat="1" applyFont="1" applyFill="1" applyBorder="1" applyAlignment="1">
      <alignment horizontal="center"/>
    </xf>
    <xf numFmtId="166" fontId="2" fillId="10" borderId="16" xfId="0" applyNumberFormat="1" applyFont="1" applyFill="1" applyBorder="1" applyAlignment="1">
      <alignment horizontal="center"/>
    </xf>
    <xf numFmtId="164" fontId="35" fillId="10" borderId="16" xfId="0" applyNumberFormat="1" applyFont="1" applyFill="1" applyBorder="1" applyAlignment="1">
      <alignment horizontal="center"/>
    </xf>
    <xf numFmtId="0" fontId="33" fillId="0" borderId="0" xfId="0" applyFont="1" applyAlignment="1">
      <alignment vertical="center"/>
    </xf>
    <xf numFmtId="0" fontId="5" fillId="2" borderId="22" xfId="0" applyFont="1" applyFill="1" applyBorder="1" applyAlignment="1">
      <alignment vertical="center"/>
    </xf>
    <xf numFmtId="0" fontId="16" fillId="2" borderId="38" xfId="0" applyFont="1" applyFill="1" applyBorder="1" applyAlignment="1">
      <alignment vertical="center"/>
    </xf>
    <xf numFmtId="167" fontId="32" fillId="6" borderId="1" xfId="0" applyNumberFormat="1" applyFont="1" applyFill="1" applyBorder="1" applyAlignment="1">
      <alignment horizontal="center" vertical="center"/>
    </xf>
    <xf numFmtId="9" fontId="32" fillId="6" borderId="1" xfId="1" applyFont="1" applyFill="1" applyBorder="1" applyAlignment="1">
      <alignment horizontal="center" vertical="center"/>
    </xf>
    <xf numFmtId="9" fontId="32" fillId="6" borderId="17" xfId="1" applyFont="1" applyFill="1" applyBorder="1" applyAlignment="1">
      <alignment horizontal="center" vertical="center"/>
    </xf>
    <xf numFmtId="1" fontId="32" fillId="6" borderId="17" xfId="0" applyNumberFormat="1" applyFont="1" applyFill="1" applyBorder="1" applyAlignment="1">
      <alignment horizontal="center" vertical="center"/>
    </xf>
    <xf numFmtId="1" fontId="32" fillId="6" borderId="34" xfId="0" applyNumberFormat="1" applyFont="1" applyFill="1" applyBorder="1" applyAlignment="1">
      <alignment horizontal="center" vertical="center"/>
    </xf>
    <xf numFmtId="1" fontId="5" fillId="8" borderId="45" xfId="0" applyNumberFormat="1" applyFont="1" applyFill="1" applyBorder="1" applyAlignment="1">
      <alignment horizontal="center" vertical="center"/>
    </xf>
    <xf numFmtId="1" fontId="4" fillId="8" borderId="0" xfId="0" applyNumberFormat="1" applyFont="1" applyFill="1" applyAlignment="1">
      <alignment horizontal="center" vertical="center"/>
    </xf>
    <xf numFmtId="1" fontId="5" fillId="8" borderId="17" xfId="0" applyNumberFormat="1" applyFont="1" applyFill="1" applyBorder="1" applyAlignment="1">
      <alignment horizontal="center" vertical="center"/>
    </xf>
    <xf numFmtId="3" fontId="32" fillId="6" borderId="1" xfId="0" applyNumberFormat="1" applyFont="1" applyFill="1" applyBorder="1" applyAlignment="1">
      <alignment horizontal="center" vertical="center"/>
    </xf>
    <xf numFmtId="1" fontId="5" fillId="8" borderId="1" xfId="0" applyNumberFormat="1" applyFont="1" applyFill="1" applyBorder="1" applyAlignment="1">
      <alignment horizontal="center" vertical="center"/>
    </xf>
    <xf numFmtId="1" fontId="5" fillId="0" borderId="0" xfId="0" applyNumberFormat="1" applyFont="1" applyAlignment="1">
      <alignment vertical="center"/>
    </xf>
    <xf numFmtId="2" fontId="32" fillId="6" borderId="5" xfId="0" applyNumberFormat="1" applyFont="1" applyFill="1" applyBorder="1" applyAlignment="1">
      <alignment horizontal="center" vertical="center"/>
    </xf>
    <xf numFmtId="2" fontId="32" fillId="6" borderId="17" xfId="0" applyNumberFormat="1" applyFont="1" applyFill="1" applyBorder="1" applyAlignment="1">
      <alignment horizontal="center" vertical="center"/>
    </xf>
    <xf numFmtId="9" fontId="40" fillId="0" borderId="0" xfId="0" applyNumberFormat="1" applyFont="1" applyAlignment="1">
      <alignment horizontal="left" vertical="center"/>
    </xf>
    <xf numFmtId="9" fontId="5" fillId="2" borderId="0" xfId="0" applyNumberFormat="1" applyFont="1" applyFill="1" applyAlignment="1">
      <alignment vertical="center"/>
    </xf>
    <xf numFmtId="1" fontId="32" fillId="6" borderId="1" xfId="0" applyNumberFormat="1" applyFont="1" applyFill="1" applyBorder="1" applyAlignment="1">
      <alignment horizontal="center" vertical="center"/>
    </xf>
    <xf numFmtId="4" fontId="32" fillId="6" borderId="17" xfId="0" applyNumberFormat="1" applyFont="1" applyFill="1" applyBorder="1" applyAlignment="1">
      <alignment horizontal="center" vertical="center"/>
    </xf>
    <xf numFmtId="0" fontId="3" fillId="7" borderId="0" xfId="0" applyFont="1" applyFill="1" applyAlignment="1">
      <alignment horizontal="left" wrapText="1"/>
    </xf>
    <xf numFmtId="0" fontId="3" fillId="4" borderId="1" xfId="0" applyFont="1" applyFill="1" applyBorder="1" applyAlignment="1">
      <alignment horizontal="left" vertical="center" wrapText="1"/>
    </xf>
    <xf numFmtId="0" fontId="3" fillId="4" borderId="17" xfId="0" applyFont="1" applyFill="1" applyBorder="1" applyAlignment="1">
      <alignment horizontal="left" vertical="center" wrapText="1"/>
    </xf>
    <xf numFmtId="0" fontId="4" fillId="4" borderId="0" xfId="0" applyFont="1" applyFill="1" applyAlignment="1">
      <alignment horizontal="center" vertical="center"/>
    </xf>
    <xf numFmtId="0" fontId="4" fillId="4" borderId="2" xfId="0" applyFont="1" applyFill="1" applyBorder="1" applyAlignment="1">
      <alignment horizontal="center" vertical="center" wrapText="1"/>
    </xf>
    <xf numFmtId="0" fontId="4" fillId="4" borderId="4" xfId="0" applyFont="1" applyFill="1" applyBorder="1" applyAlignment="1">
      <alignment horizontal="center" vertical="center" wrapText="1"/>
    </xf>
    <xf numFmtId="0" fontId="4" fillId="4" borderId="2" xfId="0" applyFont="1" applyFill="1" applyBorder="1" applyAlignment="1">
      <alignment horizontal="center" vertical="center"/>
    </xf>
    <xf numFmtId="0" fontId="5" fillId="0" borderId="42" xfId="0" applyFont="1" applyBorder="1" applyAlignment="1">
      <alignment horizontal="left" vertical="center" wrapText="1"/>
    </xf>
    <xf numFmtId="0" fontId="5" fillId="0" borderId="43" xfId="0" applyFont="1" applyBorder="1" applyAlignment="1">
      <alignment horizontal="left" vertical="center" wrapText="1"/>
    </xf>
    <xf numFmtId="0" fontId="5" fillId="0" borderId="44" xfId="0" applyFont="1" applyBorder="1" applyAlignment="1">
      <alignment horizontal="left" vertical="center" wrapText="1"/>
    </xf>
    <xf numFmtId="0" fontId="4" fillId="4" borderId="4" xfId="0" applyFont="1" applyFill="1" applyBorder="1" applyAlignment="1">
      <alignment horizontal="center" vertical="center"/>
    </xf>
    <xf numFmtId="0" fontId="5" fillId="2" borderId="46" xfId="0" applyFont="1" applyFill="1" applyBorder="1" applyAlignment="1">
      <alignment horizontal="left" vertical="center" wrapText="1"/>
    </xf>
    <xf numFmtId="0" fontId="5" fillId="2" borderId="47" xfId="0" applyFont="1" applyFill="1" applyBorder="1" applyAlignment="1">
      <alignment horizontal="left" vertical="center" wrapText="1"/>
    </xf>
    <xf numFmtId="0" fontId="5" fillId="2" borderId="50" xfId="0" applyFont="1" applyFill="1" applyBorder="1" applyAlignment="1">
      <alignment horizontal="left" vertical="center" wrapText="1"/>
    </xf>
    <xf numFmtId="0" fontId="5" fillId="2" borderId="51" xfId="0" applyFont="1" applyFill="1" applyBorder="1" applyAlignment="1">
      <alignment horizontal="left" vertical="center" wrapText="1"/>
    </xf>
    <xf numFmtId="0" fontId="5" fillId="2" borderId="48" xfId="0" applyFont="1" applyFill="1" applyBorder="1" applyAlignment="1">
      <alignment horizontal="left" vertical="center" wrapText="1"/>
    </xf>
    <xf numFmtId="0" fontId="5" fillId="2" borderId="49" xfId="0" applyFont="1" applyFill="1" applyBorder="1" applyAlignment="1">
      <alignment horizontal="left" vertical="center" wrapText="1"/>
    </xf>
    <xf numFmtId="0" fontId="5" fillId="0" borderId="20" xfId="0" applyFont="1" applyBorder="1" applyAlignment="1">
      <alignment horizontal="left" vertical="center" wrapText="1"/>
    </xf>
    <xf numFmtId="0" fontId="5" fillId="0" borderId="23" xfId="0" applyFont="1" applyBorder="1" applyAlignment="1">
      <alignment horizontal="left" vertical="center" wrapText="1"/>
    </xf>
    <xf numFmtId="0" fontId="5" fillId="0" borderId="21" xfId="0" applyFont="1" applyBorder="1" applyAlignment="1">
      <alignment horizontal="left" vertical="center" wrapText="1"/>
    </xf>
    <xf numFmtId="0" fontId="5" fillId="0" borderId="37" xfId="0" applyFont="1" applyBorder="1" applyAlignment="1">
      <alignment horizontal="left" vertical="center" wrapText="1"/>
    </xf>
    <xf numFmtId="0" fontId="5" fillId="0" borderId="0" xfId="0" applyFont="1" applyAlignment="1">
      <alignment horizontal="left" vertical="center" wrapText="1"/>
    </xf>
    <xf numFmtId="0" fontId="5" fillId="0" borderId="24" xfId="0" applyFont="1" applyBorder="1" applyAlignment="1">
      <alignment horizontal="left" vertical="center" wrapText="1"/>
    </xf>
    <xf numFmtId="0" fontId="5" fillId="0" borderId="38" xfId="0" applyFont="1" applyBorder="1" applyAlignment="1">
      <alignment horizontal="left" vertical="center" wrapText="1"/>
    </xf>
    <xf numFmtId="0" fontId="5" fillId="0" borderId="25" xfId="0" applyFont="1" applyBorder="1" applyAlignment="1">
      <alignment horizontal="left" vertical="center" wrapText="1"/>
    </xf>
    <xf numFmtId="0" fontId="5" fillId="0" borderId="22" xfId="0" applyFont="1" applyBorder="1" applyAlignment="1">
      <alignment horizontal="left" vertical="center" wrapText="1"/>
    </xf>
    <xf numFmtId="0" fontId="5" fillId="0" borderId="42" xfId="0" applyFont="1" applyBorder="1" applyAlignment="1">
      <alignment horizontal="left" vertical="center"/>
    </xf>
    <xf numFmtId="0" fontId="5" fillId="0" borderId="43" xfId="0" applyFont="1" applyBorder="1" applyAlignment="1">
      <alignment horizontal="left" vertical="center"/>
    </xf>
    <xf numFmtId="0" fontId="5" fillId="0" borderId="44" xfId="0" applyFont="1" applyBorder="1" applyAlignment="1">
      <alignment horizontal="left" vertical="center"/>
    </xf>
    <xf numFmtId="0" fontId="6" fillId="5" borderId="9" xfId="0" applyFont="1" applyFill="1" applyBorder="1" applyAlignment="1">
      <alignment horizontal="center" vertical="center"/>
    </xf>
    <xf numFmtId="0" fontId="6" fillId="5" borderId="0" xfId="0" applyFont="1" applyFill="1" applyAlignment="1">
      <alignment horizontal="center" vertical="center"/>
    </xf>
    <xf numFmtId="0" fontId="5" fillId="0" borderId="9" xfId="0" applyFont="1" applyBorder="1" applyAlignment="1">
      <alignment horizontal="left" vertical="center"/>
    </xf>
    <xf numFmtId="0" fontId="5" fillId="0" borderId="0" xfId="0" applyFont="1" applyAlignment="1">
      <alignment horizontal="left" vertical="center"/>
    </xf>
    <xf numFmtId="0" fontId="16" fillId="6" borderId="27" xfId="0" applyFont="1" applyFill="1" applyBorder="1" applyAlignment="1">
      <alignment horizontal="left" vertical="center" wrapText="1"/>
    </xf>
    <xf numFmtId="0" fontId="4" fillId="4" borderId="0" xfId="0" applyFont="1" applyFill="1" applyAlignment="1">
      <alignment horizontal="center" vertical="center" wrapText="1"/>
    </xf>
    <xf numFmtId="0" fontId="16" fillId="6" borderId="17" xfId="0" applyFont="1" applyFill="1" applyBorder="1" applyAlignment="1">
      <alignment horizontal="left" vertical="center" wrapText="1"/>
    </xf>
    <xf numFmtId="0" fontId="5" fillId="2" borderId="42" xfId="0" applyFont="1" applyFill="1" applyBorder="1" applyAlignment="1">
      <alignment horizontal="left" vertical="center" wrapText="1"/>
    </xf>
    <xf numFmtId="0" fontId="5" fillId="2" borderId="43" xfId="0" applyFont="1" applyFill="1" applyBorder="1" applyAlignment="1">
      <alignment horizontal="left" vertical="center" wrapText="1"/>
    </xf>
    <xf numFmtId="0" fontId="5" fillId="2" borderId="44" xfId="0" applyFont="1" applyFill="1" applyBorder="1" applyAlignment="1">
      <alignment horizontal="left" vertical="center" wrapText="1"/>
    </xf>
    <xf numFmtId="0" fontId="5" fillId="2" borderId="0" xfId="0" applyFont="1" applyFill="1" applyAlignment="1">
      <alignment vertical="center" wrapText="1"/>
    </xf>
    <xf numFmtId="0" fontId="5" fillId="2" borderId="0" xfId="0" applyFont="1" applyFill="1" applyAlignment="1">
      <alignment horizontal="center" vertical="center" wrapText="1"/>
    </xf>
    <xf numFmtId="0" fontId="6" fillId="5" borderId="41" xfId="0" applyFont="1" applyFill="1" applyBorder="1" applyAlignment="1">
      <alignment horizontal="center" vertical="center"/>
    </xf>
    <xf numFmtId="0" fontId="18" fillId="0" borderId="20" xfId="0" quotePrefix="1" applyFont="1" applyBorder="1" applyAlignment="1">
      <alignment horizontal="left" vertical="center"/>
    </xf>
    <xf numFmtId="0" fontId="18" fillId="0" borderId="21" xfId="0" quotePrefix="1" applyFont="1" applyBorder="1" applyAlignment="1">
      <alignment horizontal="left" vertical="center"/>
    </xf>
    <xf numFmtId="0" fontId="18" fillId="0" borderId="37" xfId="0" quotePrefix="1" applyFont="1" applyBorder="1" applyAlignment="1">
      <alignment horizontal="left" vertical="center"/>
    </xf>
    <xf numFmtId="0" fontId="18" fillId="0" borderId="24" xfId="0" quotePrefix="1" applyFont="1" applyBorder="1" applyAlignment="1">
      <alignment horizontal="left" vertical="center"/>
    </xf>
    <xf numFmtId="0" fontId="18" fillId="0" borderId="38" xfId="0" quotePrefix="1" applyFont="1" applyBorder="1" applyAlignment="1">
      <alignment horizontal="left" vertical="center"/>
    </xf>
    <xf numFmtId="0" fontId="18" fillId="0" borderId="22" xfId="0" quotePrefix="1" applyFont="1" applyBorder="1" applyAlignment="1">
      <alignment horizontal="left" vertical="center"/>
    </xf>
    <xf numFmtId="0" fontId="5" fillId="2" borderId="20" xfId="0" applyFont="1" applyFill="1" applyBorder="1" applyAlignment="1">
      <alignment horizontal="center" vertical="center"/>
    </xf>
    <xf numFmtId="0" fontId="5" fillId="2" borderId="21" xfId="0" applyFont="1" applyFill="1" applyBorder="1" applyAlignment="1">
      <alignment horizontal="center" vertical="center"/>
    </xf>
    <xf numFmtId="0" fontId="5" fillId="2" borderId="37" xfId="0" applyFont="1" applyFill="1" applyBorder="1" applyAlignment="1">
      <alignment horizontal="center" vertical="center"/>
    </xf>
    <xf numFmtId="0" fontId="5" fillId="2" borderId="24" xfId="0" applyFont="1" applyFill="1" applyBorder="1" applyAlignment="1">
      <alignment horizontal="center" vertical="center"/>
    </xf>
    <xf numFmtId="0" fontId="15" fillId="4" borderId="0" xfId="0" applyFont="1" applyFill="1" applyAlignment="1">
      <alignment vertical="center" wrapText="1"/>
    </xf>
    <xf numFmtId="0" fontId="15" fillId="4" borderId="2" xfId="0" applyFont="1" applyFill="1" applyBorder="1" applyAlignment="1">
      <alignment vertical="center" wrapText="1"/>
    </xf>
    <xf numFmtId="0" fontId="6" fillId="5" borderId="0" xfId="0" applyFont="1" applyFill="1" applyAlignment="1">
      <alignment horizontal="left" vertical="center"/>
    </xf>
    <xf numFmtId="0" fontId="4" fillId="9" borderId="1" xfId="0" applyFont="1" applyFill="1" applyBorder="1" applyAlignment="1">
      <alignment horizontal="center" vertical="center" wrapText="1"/>
    </xf>
    <xf numFmtId="0" fontId="6" fillId="5" borderId="17" xfId="0" applyFont="1" applyFill="1" applyBorder="1" applyAlignment="1">
      <alignment horizontal="center" vertical="center"/>
    </xf>
    <xf numFmtId="0" fontId="6" fillId="5" borderId="5" xfId="0" applyFont="1" applyFill="1" applyBorder="1" applyAlignment="1">
      <alignment horizontal="center" vertical="center"/>
    </xf>
    <xf numFmtId="0" fontId="6" fillId="5" borderId="19" xfId="0" applyFont="1" applyFill="1" applyBorder="1" applyAlignment="1">
      <alignment horizontal="center" vertical="center"/>
    </xf>
    <xf numFmtId="0" fontId="5" fillId="0" borderId="20" xfId="0" applyFont="1" applyBorder="1" applyAlignment="1">
      <alignment horizontal="left" vertical="center"/>
    </xf>
    <xf numFmtId="0" fontId="5" fillId="0" borderId="21" xfId="0" applyFont="1" applyBorder="1" applyAlignment="1">
      <alignment horizontal="left" vertical="center"/>
    </xf>
    <xf numFmtId="0" fontId="5" fillId="0" borderId="37" xfId="0" applyFont="1" applyBorder="1" applyAlignment="1">
      <alignment horizontal="left" vertical="center"/>
    </xf>
    <xf numFmtId="0" fontId="5" fillId="0" borderId="24" xfId="0" applyFont="1" applyBorder="1" applyAlignment="1">
      <alignment horizontal="left" vertical="center"/>
    </xf>
    <xf numFmtId="0" fontId="5" fillId="0" borderId="38" xfId="0" applyFont="1" applyBorder="1" applyAlignment="1">
      <alignment horizontal="left" vertical="center"/>
    </xf>
    <xf numFmtId="0" fontId="5" fillId="0" borderId="22" xfId="0" applyFont="1" applyBorder="1" applyAlignment="1">
      <alignment horizontal="left" vertical="center"/>
    </xf>
    <xf numFmtId="0" fontId="5" fillId="2" borderId="28" xfId="0" applyFont="1" applyFill="1" applyBorder="1" applyAlignment="1">
      <alignment horizontal="left" vertical="center" wrapText="1"/>
    </xf>
    <xf numFmtId="0" fontId="5" fillId="2" borderId="33" xfId="0" applyFont="1" applyFill="1" applyBorder="1" applyAlignment="1">
      <alignment horizontal="left" vertical="center" wrapText="1"/>
    </xf>
    <xf numFmtId="0" fontId="5" fillId="2" borderId="32" xfId="0" applyFont="1" applyFill="1" applyBorder="1" applyAlignment="1">
      <alignment horizontal="left" vertical="center" wrapText="1"/>
    </xf>
    <xf numFmtId="0" fontId="5" fillId="2" borderId="39" xfId="0" applyFont="1" applyFill="1" applyBorder="1" applyAlignment="1">
      <alignment horizontal="left" vertical="center" wrapText="1"/>
    </xf>
    <xf numFmtId="0" fontId="5" fillId="2" borderId="40" xfId="0" applyFont="1" applyFill="1" applyBorder="1" applyAlignment="1">
      <alignment horizontal="left" vertical="center" wrapText="1"/>
    </xf>
    <xf numFmtId="0" fontId="5" fillId="0" borderId="28" xfId="0" applyFont="1" applyBorder="1" applyAlignment="1">
      <alignment horizontal="left" vertical="center" wrapText="1"/>
    </xf>
    <xf numFmtId="0" fontId="5" fillId="0" borderId="29" xfId="0" applyFont="1" applyBorder="1" applyAlignment="1">
      <alignment horizontal="left" vertical="center" wrapText="1"/>
    </xf>
    <xf numFmtId="0" fontId="5" fillId="0" borderId="30" xfId="0" applyFont="1" applyBorder="1" applyAlignment="1">
      <alignment horizontal="left" vertical="center" wrapText="1"/>
    </xf>
    <xf numFmtId="0" fontId="5" fillId="0" borderId="31" xfId="0" applyFont="1" applyBorder="1" applyAlignment="1">
      <alignment horizontal="left" vertical="center" wrapText="1"/>
    </xf>
  </cellXfs>
  <cellStyles count="5">
    <cellStyle name="Comma" xfId="2" builtinId="3"/>
    <cellStyle name="Currency" xfId="4" builtinId="4"/>
    <cellStyle name="Normal" xfId="0" builtinId="0"/>
    <cellStyle name="Normal 2" xfId="3" xr:uid="{FC1BA723-C1DC-474F-AFA2-78BDC6BD8407}"/>
    <cellStyle name="Percent" xfId="1" builtinId="5"/>
  </cellStyles>
  <dxfs count="0"/>
  <tableStyles count="0" defaultTableStyle="TableStyleMedium2" defaultPivotStyle="PivotStyleLight16"/>
  <colors>
    <mruColors>
      <color rgb="FF00146D"/>
      <color rgb="FFFF6D70"/>
      <color rgb="FFAFBEFF"/>
      <color rgb="FFBCBEBB"/>
      <color rgb="FF585854"/>
      <color rgb="FFB2D235"/>
      <color rgb="FF00B0F0"/>
      <color rgb="FFFEDD00"/>
      <color rgb="FF3366FF"/>
      <color rgb="FF52609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alcChain" Target="calcChai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AR84"/>
  <sheetViews>
    <sheetView showGridLines="0" zoomScale="57" zoomScaleNormal="57" zoomScaleSheetLayoutView="43" workbookViewId="0">
      <pane xSplit="2" ySplit="9" topLeftCell="C70" activePane="bottomRight" state="frozen"/>
      <selection pane="topRight" activeCell="C1" sqref="C1"/>
      <selection pane="bottomLeft" activeCell="A10" sqref="A10"/>
      <selection pane="bottomRight" activeCell="D76" sqref="D76"/>
    </sheetView>
  </sheetViews>
  <sheetFormatPr defaultColWidth="9.36328125" defaultRowHeight="15" x14ac:dyDescent="0.3"/>
  <cols>
    <col min="1" max="1" width="34.36328125" style="1" customWidth="1"/>
    <col min="2" max="2" width="92.6328125" style="1" customWidth="1"/>
    <col min="3" max="44" width="24.6328125" style="9" customWidth="1"/>
    <col min="45" max="16377" width="9.36328125" style="1"/>
    <col min="16378" max="16382" width="9.36328125" style="1" bestFit="1"/>
    <col min="16383" max="16384" width="9.36328125" style="1"/>
  </cols>
  <sheetData>
    <row r="1" spans="1:44" s="19" customFormat="1" ht="18.75" customHeight="1" x14ac:dyDescent="0.3">
      <c r="A1" s="17"/>
      <c r="B1" s="17"/>
      <c r="C1" s="17"/>
      <c r="D1" s="17"/>
      <c r="E1" s="17"/>
      <c r="F1" s="17"/>
      <c r="G1" s="18"/>
      <c r="H1" s="18"/>
      <c r="I1" s="18"/>
      <c r="J1" s="18"/>
      <c r="K1" s="18"/>
      <c r="L1" s="18"/>
      <c r="M1" s="18"/>
      <c r="N1" s="18"/>
      <c r="O1" s="127"/>
      <c r="P1" s="128"/>
      <c r="Q1" s="128"/>
      <c r="R1" s="128"/>
      <c r="S1" s="128"/>
      <c r="T1" s="128"/>
      <c r="U1" s="128"/>
      <c r="V1" s="18"/>
      <c r="W1" s="18"/>
      <c r="X1" s="18"/>
      <c r="Y1" s="18"/>
      <c r="Z1" s="18"/>
      <c r="AA1" s="18"/>
      <c r="AB1" s="18"/>
      <c r="AC1" s="18"/>
      <c r="AD1" s="18"/>
      <c r="AE1" s="18"/>
      <c r="AF1" s="18"/>
      <c r="AG1" s="18"/>
      <c r="AH1" s="18"/>
      <c r="AI1" s="18"/>
      <c r="AJ1" s="18"/>
      <c r="AK1" s="18"/>
      <c r="AL1" s="18"/>
      <c r="AM1" s="18"/>
      <c r="AN1" s="18"/>
      <c r="AO1" s="18"/>
      <c r="AP1" s="18"/>
      <c r="AQ1" s="18"/>
      <c r="AR1" s="18"/>
    </row>
    <row r="2" spans="1:44" s="46" customFormat="1" ht="18.75" customHeight="1" x14ac:dyDescent="0.3">
      <c r="A2" s="163" t="s">
        <v>0</v>
      </c>
      <c r="B2" s="163"/>
      <c r="C2" s="163"/>
      <c r="D2" s="163"/>
      <c r="E2" s="163"/>
      <c r="F2" s="163"/>
      <c r="G2" s="45"/>
      <c r="H2" s="45"/>
      <c r="I2" s="45"/>
      <c r="J2" s="45"/>
      <c r="K2" s="45"/>
      <c r="L2" s="45"/>
      <c r="M2" s="45"/>
      <c r="N2" s="45"/>
      <c r="O2" s="45"/>
      <c r="P2" s="45"/>
      <c r="Q2" s="45"/>
      <c r="R2" s="45"/>
      <c r="S2" s="45"/>
      <c r="T2" s="45"/>
      <c r="U2" s="45"/>
      <c r="V2" s="45"/>
      <c r="W2" s="45"/>
      <c r="X2" s="45"/>
      <c r="Y2" s="45"/>
      <c r="Z2" s="45"/>
      <c r="AA2" s="45"/>
      <c r="AB2" s="45"/>
      <c r="AC2" s="45"/>
      <c r="AD2" s="45"/>
      <c r="AE2" s="45"/>
      <c r="AF2" s="45"/>
      <c r="AG2" s="45"/>
      <c r="AH2" s="45"/>
      <c r="AI2" s="45"/>
      <c r="AJ2" s="45"/>
      <c r="AK2" s="45"/>
      <c r="AL2" s="45"/>
      <c r="AM2" s="45"/>
      <c r="AN2" s="45"/>
      <c r="AO2" s="45"/>
      <c r="AP2" s="45"/>
      <c r="AQ2" s="45"/>
      <c r="AR2" s="45"/>
    </row>
    <row r="3" spans="1:44" s="46" customFormat="1" ht="18.75" customHeight="1" x14ac:dyDescent="0.3">
      <c r="A3" s="163"/>
      <c r="B3" s="163"/>
      <c r="C3" s="163"/>
      <c r="D3" s="163"/>
      <c r="E3" s="163"/>
      <c r="F3" s="163"/>
      <c r="G3" s="45"/>
      <c r="H3" s="45"/>
      <c r="I3" s="45"/>
      <c r="J3" s="45"/>
      <c r="K3" s="45"/>
      <c r="L3" s="45"/>
      <c r="M3" s="45"/>
      <c r="N3" s="45"/>
      <c r="O3" s="45"/>
      <c r="P3" s="45"/>
      <c r="Q3" s="45"/>
      <c r="R3" s="45"/>
      <c r="S3" s="45"/>
      <c r="T3" s="45"/>
      <c r="U3" s="45"/>
      <c r="V3" s="45"/>
      <c r="W3" s="45"/>
      <c r="X3" s="45"/>
      <c r="Y3" s="45"/>
      <c r="Z3" s="45"/>
      <c r="AA3" s="45"/>
      <c r="AB3" s="45"/>
      <c r="AC3" s="45"/>
      <c r="AD3" s="45"/>
      <c r="AE3" s="45"/>
      <c r="AF3" s="45"/>
      <c r="AG3" s="45"/>
      <c r="AH3" s="45"/>
      <c r="AI3" s="45"/>
      <c r="AJ3" s="45"/>
      <c r="AK3" s="45"/>
      <c r="AL3" s="45"/>
      <c r="AM3" s="45"/>
      <c r="AN3" s="45"/>
      <c r="AO3" s="45"/>
      <c r="AP3" s="45"/>
      <c r="AQ3" s="45"/>
      <c r="AR3" s="45"/>
    </row>
    <row r="4" spans="1:44" s="46" customFormat="1" ht="18.75" customHeight="1" x14ac:dyDescent="0.3">
      <c r="A4" s="163"/>
      <c r="B4" s="163"/>
      <c r="C4" s="163"/>
      <c r="D4" s="163"/>
      <c r="E4" s="163"/>
      <c r="F4" s="163"/>
      <c r="G4" s="45"/>
      <c r="H4" s="45"/>
      <c r="I4" s="45"/>
      <c r="J4" s="45"/>
      <c r="K4" s="45"/>
      <c r="L4" s="45"/>
      <c r="M4" s="45"/>
      <c r="N4" s="45"/>
      <c r="O4" s="45"/>
      <c r="P4" s="45"/>
      <c r="Q4" s="45"/>
      <c r="R4" s="45"/>
      <c r="S4" s="45"/>
      <c r="T4" s="45"/>
      <c r="U4" s="45"/>
      <c r="V4" s="45"/>
      <c r="W4" s="45"/>
      <c r="X4" s="45"/>
      <c r="Y4" s="45"/>
      <c r="Z4" s="45"/>
      <c r="AA4" s="45"/>
      <c r="AB4" s="45"/>
      <c r="AC4" s="45"/>
      <c r="AD4" s="45"/>
      <c r="AE4" s="45"/>
      <c r="AF4" s="45"/>
      <c r="AG4" s="45"/>
      <c r="AH4" s="45"/>
      <c r="AI4" s="45"/>
      <c r="AJ4" s="45"/>
      <c r="AK4" s="45"/>
      <c r="AL4" s="45"/>
      <c r="AM4" s="45"/>
      <c r="AN4" s="45"/>
      <c r="AO4" s="45"/>
      <c r="AP4" s="45"/>
      <c r="AQ4" s="45"/>
      <c r="AR4" s="45"/>
    </row>
    <row r="5" spans="1:44" s="46" customFormat="1" ht="18.75" customHeight="1" x14ac:dyDescent="0.3">
      <c r="A5" s="163"/>
      <c r="B5" s="163"/>
      <c r="C5" s="163"/>
      <c r="D5" s="163"/>
      <c r="E5" s="163"/>
      <c r="F5" s="163"/>
      <c r="G5" s="45"/>
      <c r="H5" s="45"/>
      <c r="I5" s="45"/>
      <c r="J5" s="45"/>
      <c r="K5" s="45"/>
      <c r="L5" s="45"/>
      <c r="M5" s="45"/>
      <c r="N5" s="45"/>
      <c r="O5" s="45"/>
      <c r="P5" s="45"/>
      <c r="Q5" s="45"/>
      <c r="R5" s="45"/>
      <c r="S5" s="45"/>
      <c r="T5" s="45"/>
      <c r="U5" s="45"/>
      <c r="V5" s="45"/>
      <c r="W5" s="45"/>
      <c r="X5" s="45"/>
      <c r="Y5" s="45"/>
      <c r="Z5" s="45"/>
      <c r="AA5" s="45"/>
      <c r="AB5" s="45"/>
      <c r="AC5" s="45"/>
      <c r="AD5" s="45"/>
      <c r="AE5" s="45"/>
      <c r="AF5" s="45"/>
      <c r="AG5" s="45"/>
      <c r="AH5" s="45"/>
      <c r="AI5" s="45"/>
      <c r="AJ5" s="45"/>
      <c r="AK5" s="45"/>
      <c r="AL5" s="45"/>
      <c r="AM5" s="45"/>
      <c r="AN5" s="45"/>
      <c r="AO5" s="45"/>
      <c r="AP5" s="45"/>
      <c r="AQ5" s="45"/>
      <c r="AR5" s="45"/>
    </row>
    <row r="6" spans="1:44" s="46" customFormat="1" ht="18.75" customHeight="1" x14ac:dyDescent="0.3">
      <c r="A6" s="163"/>
      <c r="B6" s="163"/>
      <c r="C6" s="163"/>
      <c r="D6" s="163"/>
      <c r="E6" s="163"/>
      <c r="F6" s="163"/>
      <c r="G6" s="45"/>
      <c r="H6" s="45"/>
      <c r="I6" s="45"/>
      <c r="J6" s="45"/>
      <c r="K6" s="45"/>
      <c r="L6" s="45"/>
      <c r="M6" s="45"/>
      <c r="N6" s="45"/>
      <c r="O6" s="45"/>
      <c r="P6" s="45"/>
      <c r="Q6" s="45"/>
      <c r="R6" s="45"/>
      <c r="S6" s="45"/>
      <c r="T6" s="45"/>
      <c r="U6" s="45"/>
      <c r="V6" s="45"/>
      <c r="W6" s="45"/>
      <c r="X6" s="45"/>
      <c r="Y6" s="45"/>
      <c r="Z6" s="45"/>
      <c r="AA6" s="45"/>
      <c r="AB6" s="45"/>
      <c r="AC6" s="45"/>
      <c r="AD6" s="45"/>
      <c r="AE6" s="45"/>
      <c r="AF6" s="45"/>
      <c r="AG6" s="45"/>
      <c r="AH6" s="45"/>
      <c r="AI6" s="45"/>
      <c r="AJ6" s="45"/>
      <c r="AK6" s="45"/>
      <c r="AL6" s="45"/>
      <c r="AM6" s="45"/>
      <c r="AN6" s="45"/>
      <c r="AO6" s="45"/>
      <c r="AP6" s="45"/>
      <c r="AQ6" s="45"/>
      <c r="AR6" s="45"/>
    </row>
    <row r="7" spans="1:44" s="46" customFormat="1" ht="18.75" customHeight="1" x14ac:dyDescent="0.3">
      <c r="A7" s="163"/>
      <c r="B7" s="163"/>
      <c r="C7" s="163"/>
      <c r="D7" s="163"/>
      <c r="E7" s="163"/>
      <c r="F7" s="163"/>
      <c r="G7" s="45"/>
      <c r="H7" s="45"/>
      <c r="I7" s="45"/>
      <c r="J7" s="45"/>
      <c r="K7" s="45"/>
      <c r="L7" s="45"/>
      <c r="M7" s="45"/>
      <c r="N7" s="45"/>
      <c r="O7" s="45"/>
      <c r="P7" s="45"/>
      <c r="Q7" s="45"/>
      <c r="R7" s="45"/>
      <c r="S7" s="45"/>
      <c r="T7" s="45"/>
      <c r="U7" s="45"/>
      <c r="V7" s="45"/>
      <c r="W7" s="45"/>
      <c r="X7" s="45"/>
      <c r="Y7" s="45"/>
      <c r="Z7" s="45"/>
      <c r="AA7" s="45"/>
      <c r="AB7" s="45"/>
      <c r="AC7" s="45"/>
      <c r="AD7" s="45"/>
      <c r="AE7" s="45"/>
      <c r="AF7" s="45"/>
      <c r="AG7" s="45"/>
      <c r="AH7" s="45"/>
      <c r="AI7" s="45"/>
      <c r="AJ7" s="45"/>
      <c r="AK7" s="45"/>
      <c r="AL7" s="45"/>
      <c r="AM7" s="45"/>
      <c r="AN7" s="45"/>
      <c r="AO7" s="45"/>
      <c r="AP7" s="45"/>
      <c r="AQ7" s="45"/>
      <c r="AR7" s="45"/>
    </row>
    <row r="8" spans="1:44" x14ac:dyDescent="0.3">
      <c r="A8" s="112"/>
      <c r="B8" s="113"/>
      <c r="C8" s="113"/>
      <c r="D8" s="113"/>
      <c r="E8" s="113"/>
      <c r="F8" s="113"/>
      <c r="G8" s="113"/>
      <c r="H8" s="113"/>
      <c r="I8" s="113"/>
      <c r="J8" s="113"/>
      <c r="K8" s="113"/>
      <c r="L8" s="113"/>
      <c r="M8" s="113"/>
      <c r="N8" s="113"/>
      <c r="O8" s="129"/>
      <c r="P8" s="129"/>
      <c r="Q8" s="129"/>
      <c r="R8" s="129"/>
      <c r="S8" s="129"/>
      <c r="T8" s="129"/>
      <c r="U8" s="129"/>
      <c r="V8" s="113"/>
      <c r="W8" s="113"/>
      <c r="X8" s="113"/>
      <c r="Y8" s="113"/>
      <c r="Z8" s="113"/>
      <c r="AA8" s="113"/>
      <c r="AB8" s="113"/>
      <c r="AC8" s="113"/>
      <c r="AD8" s="113"/>
      <c r="AE8" s="113"/>
      <c r="AF8" s="113"/>
      <c r="AG8" s="113"/>
      <c r="AH8" s="113"/>
      <c r="AI8" s="113"/>
      <c r="AJ8" s="113"/>
      <c r="AK8" s="113"/>
      <c r="AL8" s="113"/>
      <c r="AM8" s="113"/>
      <c r="AN8" s="113"/>
      <c r="AO8" s="113"/>
      <c r="AP8" s="113"/>
      <c r="AQ8" s="113"/>
      <c r="AR8" s="113"/>
    </row>
    <row r="9" spans="1:44" s="8" customFormat="1" ht="36" customHeight="1" x14ac:dyDescent="0.35">
      <c r="A9" s="7" t="s">
        <v>1</v>
      </c>
      <c r="B9" s="10"/>
      <c r="C9" s="11" t="s">
        <v>711</v>
      </c>
      <c r="D9" s="11" t="s">
        <v>497</v>
      </c>
      <c r="E9" s="11" t="s">
        <v>498</v>
      </c>
      <c r="F9" s="11" t="s">
        <v>499</v>
      </c>
      <c r="G9" s="11" t="s">
        <v>500</v>
      </c>
      <c r="H9" s="11" t="s">
        <v>501</v>
      </c>
      <c r="I9" s="11" t="s">
        <v>502</v>
      </c>
      <c r="J9" s="11" t="s">
        <v>503</v>
      </c>
      <c r="K9" s="11" t="s">
        <v>504</v>
      </c>
      <c r="L9" s="11" t="s">
        <v>505</v>
      </c>
      <c r="M9" s="130" t="s">
        <v>506</v>
      </c>
      <c r="N9" s="130" t="s">
        <v>507</v>
      </c>
      <c r="O9" s="130" t="s">
        <v>508</v>
      </c>
      <c r="P9" s="130" t="s">
        <v>509</v>
      </c>
      <c r="Q9" s="130" t="s">
        <v>510</v>
      </c>
      <c r="R9" s="130" t="s">
        <v>511</v>
      </c>
      <c r="S9" s="130" t="s">
        <v>672</v>
      </c>
      <c r="T9" s="130" t="s">
        <v>673</v>
      </c>
      <c r="U9" s="130" t="s">
        <v>674</v>
      </c>
      <c r="V9" s="11" t="s">
        <v>675</v>
      </c>
      <c r="W9" s="11" t="s">
        <v>676</v>
      </c>
      <c r="X9" s="11" t="s">
        <v>677</v>
      </c>
      <c r="Y9" s="11" t="s">
        <v>678</v>
      </c>
      <c r="Z9" s="11" t="s">
        <v>679</v>
      </c>
      <c r="AA9" s="11" t="s">
        <v>680</v>
      </c>
      <c r="AB9" s="11" t="s">
        <v>681</v>
      </c>
      <c r="AC9" s="11" t="s">
        <v>682</v>
      </c>
      <c r="AD9" s="11" t="s">
        <v>683</v>
      </c>
      <c r="AE9" s="11" t="s">
        <v>684</v>
      </c>
      <c r="AF9" s="11" t="s">
        <v>685</v>
      </c>
      <c r="AG9" s="11" t="s">
        <v>686</v>
      </c>
      <c r="AH9" s="11" t="s">
        <v>687</v>
      </c>
      <c r="AI9" s="11" t="s">
        <v>688</v>
      </c>
      <c r="AJ9" s="11" t="s">
        <v>689</v>
      </c>
      <c r="AK9" s="11" t="s">
        <v>690</v>
      </c>
      <c r="AL9" s="11" t="s">
        <v>691</v>
      </c>
      <c r="AM9" s="130" t="s">
        <v>692</v>
      </c>
      <c r="AN9" s="11" t="s">
        <v>693</v>
      </c>
      <c r="AO9" s="11" t="s">
        <v>694</v>
      </c>
      <c r="AP9" s="11" t="s">
        <v>695</v>
      </c>
      <c r="AQ9" s="130" t="s">
        <v>696</v>
      </c>
      <c r="AR9" s="11" t="s">
        <v>697</v>
      </c>
    </row>
    <row r="10" spans="1:44" ht="27.65" customHeight="1" x14ac:dyDescent="0.3">
      <c r="A10" s="165" t="s">
        <v>2</v>
      </c>
      <c r="B10" s="12" t="s">
        <v>3</v>
      </c>
      <c r="C10" s="13" t="s">
        <v>5</v>
      </c>
      <c r="D10" s="13" t="s">
        <v>4</v>
      </c>
      <c r="E10" s="13" t="s">
        <v>4</v>
      </c>
      <c r="F10" s="13" t="s">
        <v>5</v>
      </c>
      <c r="G10" s="13" t="s">
        <v>4</v>
      </c>
      <c r="H10" s="9" t="s">
        <v>4</v>
      </c>
      <c r="I10" s="13" t="s">
        <v>4</v>
      </c>
      <c r="J10" s="13" t="s">
        <v>4</v>
      </c>
      <c r="K10" s="13" t="s">
        <v>4</v>
      </c>
      <c r="L10" s="13" t="s">
        <v>529</v>
      </c>
      <c r="M10" s="13" t="s">
        <v>5</v>
      </c>
      <c r="N10" s="13" t="s">
        <v>4</v>
      </c>
      <c r="O10" s="126" t="s">
        <v>4</v>
      </c>
      <c r="P10" s="126" t="s">
        <v>5</v>
      </c>
      <c r="Q10" s="126" t="s">
        <v>5</v>
      </c>
      <c r="R10" s="126" t="s">
        <v>5</v>
      </c>
      <c r="S10" s="126" t="s">
        <v>5</v>
      </c>
      <c r="T10" s="126" t="s">
        <v>5</v>
      </c>
      <c r="U10" s="126" t="s">
        <v>4</v>
      </c>
      <c r="V10" s="13" t="s">
        <v>4</v>
      </c>
      <c r="W10" s="13" t="s">
        <v>5</v>
      </c>
      <c r="X10" s="13" t="s">
        <v>4</v>
      </c>
      <c r="Y10" s="13" t="s">
        <v>5</v>
      </c>
      <c r="Z10" s="13" t="s">
        <v>5</v>
      </c>
      <c r="AA10" s="13" t="s">
        <v>5</v>
      </c>
      <c r="AB10" s="13" t="s">
        <v>4</v>
      </c>
      <c r="AC10" s="13" t="s">
        <v>4</v>
      </c>
      <c r="AD10" s="13" t="s">
        <v>5</v>
      </c>
      <c r="AE10" s="13" t="s">
        <v>4</v>
      </c>
      <c r="AF10" s="13" t="s">
        <v>4</v>
      </c>
      <c r="AG10" s="13" t="s">
        <v>5</v>
      </c>
      <c r="AH10" s="13" t="s">
        <v>4</v>
      </c>
      <c r="AI10" s="13" t="s">
        <v>4</v>
      </c>
      <c r="AJ10" s="13" t="s">
        <v>4</v>
      </c>
      <c r="AK10" s="13" t="s">
        <v>4</v>
      </c>
      <c r="AL10" s="13" t="s">
        <v>5</v>
      </c>
      <c r="AM10" s="13" t="s">
        <v>4</v>
      </c>
      <c r="AN10" s="13" t="s">
        <v>5</v>
      </c>
      <c r="AO10" s="13" t="s">
        <v>4</v>
      </c>
      <c r="AP10" s="13" t="s">
        <v>4</v>
      </c>
      <c r="AQ10" s="13" t="s">
        <v>4</v>
      </c>
      <c r="AR10" s="13" t="s">
        <v>5</v>
      </c>
    </row>
    <row r="11" spans="1:44" ht="27.65" customHeight="1" x14ac:dyDescent="0.3">
      <c r="A11" s="165"/>
      <c r="B11" s="12" t="s">
        <v>6</v>
      </c>
      <c r="C11" s="13" t="s">
        <v>8</v>
      </c>
      <c r="D11" s="13" t="s">
        <v>443</v>
      </c>
      <c r="E11" s="13" t="s">
        <v>9</v>
      </c>
      <c r="F11" s="13" t="s">
        <v>10</v>
      </c>
      <c r="G11" s="13" t="s">
        <v>442</v>
      </c>
      <c r="H11" s="13" t="s">
        <v>11</v>
      </c>
      <c r="I11" s="13" t="s">
        <v>355</v>
      </c>
      <c r="J11" s="13" t="s">
        <v>371</v>
      </c>
      <c r="K11" s="13" t="s">
        <v>426</v>
      </c>
      <c r="L11" s="13" t="s">
        <v>442</v>
      </c>
      <c r="M11" s="13" t="s">
        <v>712</v>
      </c>
      <c r="N11" s="13" t="s">
        <v>722</v>
      </c>
      <c r="O11" s="126" t="s">
        <v>7</v>
      </c>
      <c r="P11" s="126" t="s">
        <v>441</v>
      </c>
      <c r="Q11" s="126" t="s">
        <v>7</v>
      </c>
      <c r="R11" s="126" t="s">
        <v>371</v>
      </c>
      <c r="S11" s="126" t="s">
        <v>468</v>
      </c>
      <c r="T11" s="126" t="s">
        <v>366</v>
      </c>
      <c r="U11" s="126" t="s">
        <v>377</v>
      </c>
      <c r="V11" s="13" t="s">
        <v>535</v>
      </c>
      <c r="W11" s="13" t="s">
        <v>545</v>
      </c>
      <c r="X11" s="13" t="s">
        <v>366</v>
      </c>
      <c r="Y11" s="13" t="s">
        <v>355</v>
      </c>
      <c r="Z11" s="13" t="s">
        <v>548</v>
      </c>
      <c r="AA11" s="13" t="s">
        <v>566</v>
      </c>
      <c r="AB11" s="13" t="s">
        <v>9</v>
      </c>
      <c r="AC11" s="13" t="s">
        <v>468</v>
      </c>
      <c r="AD11" s="13" t="s">
        <v>597</v>
      </c>
      <c r="AE11" s="13" t="s">
        <v>7</v>
      </c>
      <c r="AF11" s="13" t="s">
        <v>545</v>
      </c>
      <c r="AG11" s="13" t="s">
        <v>9</v>
      </c>
      <c r="AH11" s="13" t="s">
        <v>623</v>
      </c>
      <c r="AI11" s="13" t="s">
        <v>629</v>
      </c>
      <c r="AJ11" s="13" t="s">
        <v>8</v>
      </c>
      <c r="AK11" s="13" t="s">
        <v>629</v>
      </c>
      <c r="AL11" s="13" t="s">
        <v>646</v>
      </c>
      <c r="AM11" s="13" t="s">
        <v>737</v>
      </c>
      <c r="AN11" s="13" t="s">
        <v>659</v>
      </c>
      <c r="AO11" s="13" t="s">
        <v>355</v>
      </c>
      <c r="AP11" s="13" t="s">
        <v>646</v>
      </c>
      <c r="AQ11" s="13" t="s">
        <v>743</v>
      </c>
      <c r="AR11" s="13" t="s">
        <v>371</v>
      </c>
    </row>
    <row r="12" spans="1:44" ht="27.65" customHeight="1" x14ac:dyDescent="0.3">
      <c r="A12" s="165"/>
      <c r="B12" s="12" t="s">
        <v>12</v>
      </c>
      <c r="C12" s="13" t="s">
        <v>13</v>
      </c>
      <c r="D12" s="13" t="s">
        <v>14</v>
      </c>
      <c r="E12" s="13" t="s">
        <v>14</v>
      </c>
      <c r="F12" s="13" t="s">
        <v>15</v>
      </c>
      <c r="G12" s="13" t="s">
        <v>13</v>
      </c>
      <c r="H12" s="13" t="s">
        <v>458</v>
      </c>
      <c r="I12" s="13" t="s">
        <v>467</v>
      </c>
      <c r="J12" s="13" t="s">
        <v>470</v>
      </c>
      <c r="K12" s="13" t="s">
        <v>15</v>
      </c>
      <c r="L12" s="13" t="s">
        <v>469</v>
      </c>
      <c r="M12" s="13" t="s">
        <v>469</v>
      </c>
      <c r="N12" s="13" t="s">
        <v>469</v>
      </c>
      <c r="O12" s="126" t="s">
        <v>13</v>
      </c>
      <c r="P12" s="126" t="s">
        <v>14</v>
      </c>
      <c r="Q12" s="126" t="s">
        <v>378</v>
      </c>
      <c r="R12" s="126" t="s">
        <v>13</v>
      </c>
      <c r="S12" s="126" t="s">
        <v>378</v>
      </c>
      <c r="T12" s="126" t="s">
        <v>469</v>
      </c>
      <c r="U12" s="126" t="s">
        <v>378</v>
      </c>
      <c r="V12" s="13" t="s">
        <v>13</v>
      </c>
      <c r="W12" s="13" t="s">
        <v>14</v>
      </c>
      <c r="X12" s="13" t="s">
        <v>13</v>
      </c>
      <c r="Y12" s="13" t="s">
        <v>13</v>
      </c>
      <c r="Z12" s="13" t="s">
        <v>13</v>
      </c>
      <c r="AA12" s="13" t="s">
        <v>567</v>
      </c>
      <c r="AB12" s="13" t="s">
        <v>567</v>
      </c>
      <c r="AC12" s="13" t="s">
        <v>14</v>
      </c>
      <c r="AD12" s="13" t="s">
        <v>13</v>
      </c>
      <c r="AE12" s="13" t="s">
        <v>469</v>
      </c>
      <c r="AF12" s="13" t="s">
        <v>14</v>
      </c>
      <c r="AG12" s="13" t="s">
        <v>14</v>
      </c>
      <c r="AH12" s="13" t="s">
        <v>469</v>
      </c>
      <c r="AI12" s="13" t="s">
        <v>14</v>
      </c>
      <c r="AJ12" s="13" t="s">
        <v>469</v>
      </c>
      <c r="AK12" s="13" t="s">
        <v>469</v>
      </c>
      <c r="AL12" s="13" t="s">
        <v>13</v>
      </c>
      <c r="AM12" s="13" t="s">
        <v>13</v>
      </c>
      <c r="AN12" s="13" t="s">
        <v>378</v>
      </c>
      <c r="AO12" s="13" t="s">
        <v>13</v>
      </c>
      <c r="AP12" s="13" t="s">
        <v>698</v>
      </c>
      <c r="AQ12" s="13" t="s">
        <v>13</v>
      </c>
      <c r="AR12" s="13" t="s">
        <v>14</v>
      </c>
    </row>
    <row r="13" spans="1:44" ht="27.65" customHeight="1" x14ac:dyDescent="0.3">
      <c r="A13" s="165"/>
      <c r="B13" s="12" t="s">
        <v>16</v>
      </c>
      <c r="C13" s="13" t="s">
        <v>18</v>
      </c>
      <c r="D13" s="13" t="s">
        <v>22</v>
      </c>
      <c r="E13" s="13" t="s">
        <v>19</v>
      </c>
      <c r="F13" s="13" t="s">
        <v>20</v>
      </c>
      <c r="G13" s="13" t="s">
        <v>21</v>
      </c>
      <c r="H13" s="13" t="s">
        <v>22</v>
      </c>
      <c r="I13" s="13" t="s">
        <v>356</v>
      </c>
      <c r="J13" s="13" t="s">
        <v>18</v>
      </c>
      <c r="K13" s="13" t="s">
        <v>427</v>
      </c>
      <c r="L13" s="13" t="s">
        <v>518</v>
      </c>
      <c r="M13" s="13" t="s">
        <v>426</v>
      </c>
      <c r="N13" s="13" t="s">
        <v>360</v>
      </c>
      <c r="O13" s="126" t="s">
        <v>17</v>
      </c>
      <c r="P13" s="126" t="s">
        <v>19</v>
      </c>
      <c r="Q13" s="126" t="s">
        <v>451</v>
      </c>
      <c r="R13" s="126">
        <v>26</v>
      </c>
      <c r="S13" s="126" t="s">
        <v>360</v>
      </c>
      <c r="T13" s="126">
        <v>21</v>
      </c>
      <c r="U13" s="126" t="s">
        <v>379</v>
      </c>
      <c r="V13" s="13" t="s">
        <v>21</v>
      </c>
      <c r="W13" s="13" t="s">
        <v>546</v>
      </c>
      <c r="X13" s="13" t="s">
        <v>558</v>
      </c>
      <c r="Y13" s="13" t="s">
        <v>518</v>
      </c>
      <c r="Z13" s="13" t="s">
        <v>360</v>
      </c>
      <c r="AA13" s="13" t="s">
        <v>568</v>
      </c>
      <c r="AB13" s="13" t="s">
        <v>576</v>
      </c>
      <c r="AC13" s="13" t="s">
        <v>427</v>
      </c>
      <c r="AD13" s="13" t="s">
        <v>598</v>
      </c>
      <c r="AE13" s="13" t="s">
        <v>427</v>
      </c>
      <c r="AF13" s="13" t="s">
        <v>605</v>
      </c>
      <c r="AG13" s="13" t="s">
        <v>613</v>
      </c>
      <c r="AH13" s="13" t="s">
        <v>546</v>
      </c>
      <c r="AI13" s="13" t="s">
        <v>427</v>
      </c>
      <c r="AJ13" s="13" t="s">
        <v>637</v>
      </c>
      <c r="AK13" s="13" t="s">
        <v>18</v>
      </c>
      <c r="AL13" s="13" t="s">
        <v>427</v>
      </c>
      <c r="AM13" s="13" t="s">
        <v>8</v>
      </c>
      <c r="AN13" s="13" t="s">
        <v>427</v>
      </c>
      <c r="AO13" s="13" t="s">
        <v>518</v>
      </c>
      <c r="AP13" s="13" t="s">
        <v>360</v>
      </c>
      <c r="AQ13" s="13" t="s">
        <v>744</v>
      </c>
      <c r="AR13" s="13" t="s">
        <v>731</v>
      </c>
    </row>
    <row r="14" spans="1:44" ht="27.65" customHeight="1" x14ac:dyDescent="0.3">
      <c r="A14" s="165"/>
      <c r="B14" s="12" t="s">
        <v>23</v>
      </c>
      <c r="C14" s="13" t="s">
        <v>25</v>
      </c>
      <c r="D14" s="13" t="s">
        <v>26</v>
      </c>
      <c r="E14" s="13" t="s">
        <v>409</v>
      </c>
      <c r="F14" s="13" t="s">
        <v>419</v>
      </c>
      <c r="G14" s="13" t="s">
        <v>27</v>
      </c>
      <c r="H14" s="13" t="s">
        <v>459</v>
      </c>
      <c r="I14" s="13" t="s">
        <v>473</v>
      </c>
      <c r="J14" s="13" t="s">
        <v>372</v>
      </c>
      <c r="K14" s="13" t="s">
        <v>428</v>
      </c>
      <c r="L14" s="13" t="s">
        <v>530</v>
      </c>
      <c r="M14" s="13" t="s">
        <v>713</v>
      </c>
      <c r="N14" s="13" t="s">
        <v>723</v>
      </c>
      <c r="O14" s="126" t="s">
        <v>24</v>
      </c>
      <c r="P14" s="126" t="s">
        <v>436</v>
      </c>
      <c r="Q14" s="126" t="s">
        <v>452</v>
      </c>
      <c r="R14" s="126" t="s">
        <v>471</v>
      </c>
      <c r="S14" s="126" t="s">
        <v>514</v>
      </c>
      <c r="T14" s="126" t="s">
        <v>367</v>
      </c>
      <c r="U14" s="126" t="s">
        <v>475</v>
      </c>
      <c r="V14" s="13" t="s">
        <v>536</v>
      </c>
      <c r="W14" s="13" t="s">
        <v>547</v>
      </c>
      <c r="X14" s="13" t="s">
        <v>559</v>
      </c>
      <c r="Y14" s="13" t="s">
        <v>519</v>
      </c>
      <c r="Z14" s="13" t="s">
        <v>549</v>
      </c>
      <c r="AA14" s="13" t="s">
        <v>569</v>
      </c>
      <c r="AB14" s="13" t="s">
        <v>577</v>
      </c>
      <c r="AC14" s="13" t="s">
        <v>582</v>
      </c>
      <c r="AD14" s="13" t="s">
        <v>618</v>
      </c>
      <c r="AE14" s="13" t="s">
        <v>589</v>
      </c>
      <c r="AF14" s="13" t="s">
        <v>616</v>
      </c>
      <c r="AG14" s="13" t="s">
        <v>615</v>
      </c>
      <c r="AH14" s="13" t="s">
        <v>626</v>
      </c>
      <c r="AI14" s="13" t="s">
        <v>630</v>
      </c>
      <c r="AJ14" s="13" t="s">
        <v>654</v>
      </c>
      <c r="AK14" s="13" t="s">
        <v>641</v>
      </c>
      <c r="AL14" s="13" t="s">
        <v>647</v>
      </c>
      <c r="AM14" s="13" t="s">
        <v>738</v>
      </c>
      <c r="AN14" s="13" t="s">
        <v>660</v>
      </c>
      <c r="AO14" s="13" t="s">
        <v>667</v>
      </c>
      <c r="AP14" s="13" t="s">
        <v>699</v>
      </c>
      <c r="AQ14" s="13" t="s">
        <v>745</v>
      </c>
      <c r="AR14" s="13" t="s">
        <v>732</v>
      </c>
    </row>
    <row r="15" spans="1:44" x14ac:dyDescent="0.3">
      <c r="A15" s="5"/>
      <c r="B15" s="4"/>
      <c r="O15" s="125"/>
      <c r="P15" s="125"/>
      <c r="Q15" s="125"/>
      <c r="R15" s="125"/>
      <c r="S15" s="125"/>
      <c r="T15" s="125"/>
      <c r="U15" s="125"/>
    </row>
    <row r="16" spans="1:44" ht="32.4" customHeight="1" x14ac:dyDescent="0.3">
      <c r="A16" s="164" t="s">
        <v>28</v>
      </c>
      <c r="B16" s="12" t="s">
        <v>29</v>
      </c>
      <c r="C16" s="13" t="s">
        <v>395</v>
      </c>
      <c r="D16" s="13" t="s">
        <v>395</v>
      </c>
      <c r="E16" s="13" t="s">
        <v>395</v>
      </c>
      <c r="F16" s="13" t="s">
        <v>30</v>
      </c>
      <c r="G16" s="13" t="s">
        <v>444</v>
      </c>
      <c r="H16" s="13" t="s">
        <v>460</v>
      </c>
      <c r="I16" s="13" t="s">
        <v>395</v>
      </c>
      <c r="J16" s="13" t="s">
        <v>395</v>
      </c>
      <c r="K16" s="13" t="s">
        <v>30</v>
      </c>
      <c r="L16" s="13" t="s">
        <v>714</v>
      </c>
      <c r="M16" s="13" t="s">
        <v>395</v>
      </c>
      <c r="N16" s="13" t="s">
        <v>395</v>
      </c>
      <c r="O16" s="126" t="s">
        <v>384</v>
      </c>
      <c r="P16" s="126" t="s">
        <v>395</v>
      </c>
      <c r="Q16" s="126" t="s">
        <v>30</v>
      </c>
      <c r="R16" s="126" t="s">
        <v>472</v>
      </c>
      <c r="S16" s="126" t="s">
        <v>474</v>
      </c>
      <c r="T16" s="126" t="s">
        <v>474</v>
      </c>
      <c r="U16" s="126" t="s">
        <v>395</v>
      </c>
      <c r="V16" s="13" t="s">
        <v>537</v>
      </c>
      <c r="W16" s="13" t="s">
        <v>395</v>
      </c>
      <c r="X16" s="13" t="s">
        <v>472</v>
      </c>
      <c r="Y16" s="13" t="s">
        <v>472</v>
      </c>
      <c r="Z16" s="13" t="s">
        <v>472</v>
      </c>
      <c r="AA16" s="13" t="s">
        <v>472</v>
      </c>
      <c r="AB16" s="13" t="s">
        <v>472</v>
      </c>
      <c r="AC16" s="13" t="s">
        <v>472</v>
      </c>
      <c r="AD16" s="13" t="s">
        <v>472</v>
      </c>
      <c r="AE16" s="13" t="s">
        <v>472</v>
      </c>
      <c r="AF16" s="13" t="s">
        <v>472</v>
      </c>
      <c r="AG16" s="13" t="s">
        <v>472</v>
      </c>
      <c r="AH16" s="13" t="s">
        <v>472</v>
      </c>
      <c r="AI16" s="13" t="s">
        <v>472</v>
      </c>
      <c r="AJ16" s="13" t="s">
        <v>472</v>
      </c>
      <c r="AK16" s="13" t="s">
        <v>472</v>
      </c>
      <c r="AL16" s="13" t="s">
        <v>472</v>
      </c>
      <c r="AM16" s="13" t="s">
        <v>472</v>
      </c>
      <c r="AN16" s="13" t="s">
        <v>472</v>
      </c>
      <c r="AO16" s="13" t="s">
        <v>472</v>
      </c>
      <c r="AP16" s="13" t="s">
        <v>472</v>
      </c>
      <c r="AQ16" s="13" t="s">
        <v>472</v>
      </c>
      <c r="AR16" s="13" t="s">
        <v>472</v>
      </c>
    </row>
    <row r="17" spans="1:44" ht="32.4" customHeight="1" x14ac:dyDescent="0.3">
      <c r="A17" s="164"/>
      <c r="B17" s="12" t="s">
        <v>31</v>
      </c>
      <c r="C17" s="13" t="s">
        <v>385</v>
      </c>
      <c r="D17" s="13" t="s">
        <v>385</v>
      </c>
      <c r="E17" s="13" t="s">
        <v>385</v>
      </c>
      <c r="F17" s="13" t="s">
        <v>385</v>
      </c>
      <c r="G17" s="13" t="s">
        <v>385</v>
      </c>
      <c r="H17" s="13" t="s">
        <v>385</v>
      </c>
      <c r="I17" s="13" t="s">
        <v>385</v>
      </c>
      <c r="J17" s="13" t="s">
        <v>385</v>
      </c>
      <c r="K17" s="13" t="s">
        <v>385</v>
      </c>
      <c r="L17" s="13" t="s">
        <v>385</v>
      </c>
      <c r="M17" s="13" t="s">
        <v>385</v>
      </c>
      <c r="N17" s="13" t="s">
        <v>385</v>
      </c>
      <c r="O17" s="126" t="s">
        <v>392</v>
      </c>
      <c r="P17" s="126" t="s">
        <v>392</v>
      </c>
      <c r="Q17" s="126" t="s">
        <v>392</v>
      </c>
      <c r="R17" s="126" t="s">
        <v>392</v>
      </c>
      <c r="S17" s="126" t="s">
        <v>392</v>
      </c>
      <c r="T17" s="126" t="s">
        <v>392</v>
      </c>
      <c r="U17" s="126" t="s">
        <v>392</v>
      </c>
      <c r="V17" s="13" t="s">
        <v>392</v>
      </c>
      <c r="W17" s="13" t="s">
        <v>392</v>
      </c>
      <c r="X17" s="13" t="s">
        <v>520</v>
      </c>
      <c r="Y17" s="13" t="s">
        <v>520</v>
      </c>
      <c r="Z17" s="13" t="s">
        <v>520</v>
      </c>
      <c r="AA17" s="13" t="s">
        <v>520</v>
      </c>
      <c r="AB17" s="13" t="s">
        <v>520</v>
      </c>
      <c r="AC17" s="13" t="s">
        <v>520</v>
      </c>
      <c r="AD17" s="13" t="s">
        <v>520</v>
      </c>
      <c r="AE17" s="13" t="s">
        <v>520</v>
      </c>
      <c r="AF17" s="13" t="s">
        <v>520</v>
      </c>
      <c r="AG17" s="13" t="s">
        <v>520</v>
      </c>
      <c r="AH17" s="13" t="s">
        <v>520</v>
      </c>
      <c r="AI17" s="13" t="s">
        <v>520</v>
      </c>
      <c r="AJ17" s="13" t="s">
        <v>520</v>
      </c>
      <c r="AK17" s="13" t="s">
        <v>520</v>
      </c>
      <c r="AL17" s="13" t="s">
        <v>520</v>
      </c>
      <c r="AM17" s="13" t="s">
        <v>520</v>
      </c>
      <c r="AN17" s="13" t="s">
        <v>520</v>
      </c>
      <c r="AO17" s="13" t="s">
        <v>520</v>
      </c>
      <c r="AP17" s="13" t="s">
        <v>520</v>
      </c>
      <c r="AQ17" s="13" t="s">
        <v>520</v>
      </c>
      <c r="AR17" s="13" t="s">
        <v>520</v>
      </c>
    </row>
    <row r="18" spans="1:44" ht="32.4" customHeight="1" x14ac:dyDescent="0.3">
      <c r="A18" s="164"/>
      <c r="B18" s="12" t="s">
        <v>32</v>
      </c>
      <c r="C18" s="13" t="s">
        <v>33</v>
      </c>
      <c r="D18" s="13" t="s">
        <v>34</v>
      </c>
      <c r="E18" s="13" t="s">
        <v>410</v>
      </c>
      <c r="F18" s="13" t="s">
        <v>33</v>
      </c>
      <c r="G18" s="13" t="s">
        <v>34</v>
      </c>
      <c r="H18" s="13" t="s">
        <v>33</v>
      </c>
      <c r="I18" s="13" t="s">
        <v>33</v>
      </c>
      <c r="J18" s="13" t="s">
        <v>34</v>
      </c>
      <c r="K18" s="13" t="s">
        <v>33</v>
      </c>
      <c r="L18" s="13" t="s">
        <v>34</v>
      </c>
      <c r="M18" s="13" t="s">
        <v>34</v>
      </c>
      <c r="N18" s="13" t="s">
        <v>33</v>
      </c>
      <c r="O18" s="126" t="s">
        <v>33</v>
      </c>
      <c r="P18" s="126" t="s">
        <v>34</v>
      </c>
      <c r="Q18" s="126" t="s">
        <v>33</v>
      </c>
      <c r="R18" s="126" t="s">
        <v>33</v>
      </c>
      <c r="S18" s="126" t="s">
        <v>34</v>
      </c>
      <c r="T18" s="126" t="s">
        <v>34</v>
      </c>
      <c r="U18" s="126" t="s">
        <v>34</v>
      </c>
      <c r="V18" s="13" t="s">
        <v>33</v>
      </c>
      <c r="W18" s="13" t="s">
        <v>34</v>
      </c>
      <c r="X18" s="13" t="s">
        <v>33</v>
      </c>
      <c r="Y18" s="13" t="s">
        <v>33</v>
      </c>
      <c r="Z18" s="13" t="s">
        <v>33</v>
      </c>
      <c r="AA18" s="13" t="s">
        <v>33</v>
      </c>
      <c r="AB18" s="13" t="s">
        <v>33</v>
      </c>
      <c r="AC18" s="13" t="s">
        <v>33</v>
      </c>
      <c r="AD18" s="13" t="s">
        <v>33</v>
      </c>
      <c r="AE18" s="13" t="s">
        <v>33</v>
      </c>
      <c r="AF18" s="13" t="s">
        <v>33</v>
      </c>
      <c r="AG18" s="13" t="s">
        <v>33</v>
      </c>
      <c r="AH18" s="13" t="s">
        <v>33</v>
      </c>
      <c r="AI18" s="13" t="s">
        <v>33</v>
      </c>
      <c r="AJ18" s="13" t="s">
        <v>33</v>
      </c>
      <c r="AK18" s="13" t="s">
        <v>33</v>
      </c>
      <c r="AL18" s="13" t="s">
        <v>33</v>
      </c>
      <c r="AM18" s="13" t="s">
        <v>33</v>
      </c>
      <c r="AN18" s="13" t="s">
        <v>33</v>
      </c>
      <c r="AO18" s="13" t="s">
        <v>33</v>
      </c>
      <c r="AP18" s="13" t="s">
        <v>33</v>
      </c>
      <c r="AQ18" s="13" t="s">
        <v>33</v>
      </c>
      <c r="AR18" s="13" t="s">
        <v>33</v>
      </c>
    </row>
    <row r="19" spans="1:44" ht="32.4" customHeight="1" x14ac:dyDescent="0.3">
      <c r="A19" s="164"/>
      <c r="B19" s="12" t="s">
        <v>35</v>
      </c>
      <c r="C19" s="13" t="s">
        <v>396</v>
      </c>
      <c r="D19" s="13"/>
      <c r="E19" s="13" t="s">
        <v>411</v>
      </c>
      <c r="F19" s="13" t="s">
        <v>420</v>
      </c>
      <c r="G19" s="13"/>
      <c r="H19" s="13" t="s">
        <v>461</v>
      </c>
      <c r="I19" s="13" t="s">
        <v>476</v>
      </c>
      <c r="J19" s="13"/>
      <c r="K19" s="13" t="s">
        <v>429</v>
      </c>
      <c r="L19" s="13"/>
      <c r="M19" s="13"/>
      <c r="N19" s="13" t="s">
        <v>724</v>
      </c>
      <c r="O19" s="126" t="s">
        <v>386</v>
      </c>
      <c r="P19" s="126"/>
      <c r="Q19" s="126" t="s">
        <v>453</v>
      </c>
      <c r="R19" s="126" t="s">
        <v>350</v>
      </c>
      <c r="S19" s="126"/>
      <c r="T19" s="126"/>
      <c r="U19" s="126" t="s">
        <v>477</v>
      </c>
      <c r="V19" s="13" t="s">
        <v>538</v>
      </c>
      <c r="W19" s="13"/>
      <c r="X19" s="13" t="s">
        <v>563</v>
      </c>
      <c r="Y19" s="13" t="s">
        <v>591</v>
      </c>
      <c r="Z19" s="13" t="s">
        <v>564</v>
      </c>
      <c r="AA19" s="13" t="s">
        <v>590</v>
      </c>
      <c r="AB19" s="13" t="s">
        <v>581</v>
      </c>
      <c r="AC19" s="13" t="s">
        <v>564</v>
      </c>
      <c r="AD19" s="13" t="s">
        <v>599</v>
      </c>
      <c r="AE19" s="13" t="s">
        <v>564</v>
      </c>
      <c r="AF19" s="13" t="s">
        <v>606</v>
      </c>
      <c r="AG19" s="13" t="s">
        <v>564</v>
      </c>
      <c r="AH19" s="13" t="s">
        <v>628</v>
      </c>
      <c r="AI19" s="13" t="s">
        <v>628</v>
      </c>
      <c r="AJ19" s="13" t="s">
        <v>606</v>
      </c>
      <c r="AK19" s="13" t="s">
        <v>642</v>
      </c>
      <c r="AL19" s="13" t="s">
        <v>564</v>
      </c>
      <c r="AM19" s="13" t="s">
        <v>564</v>
      </c>
      <c r="AN19" s="13" t="s">
        <v>564</v>
      </c>
      <c r="AO19" s="13" t="s">
        <v>642</v>
      </c>
      <c r="AP19" s="13" t="s">
        <v>700</v>
      </c>
      <c r="AQ19" s="13" t="s">
        <v>746</v>
      </c>
      <c r="AR19" s="13" t="s">
        <v>564</v>
      </c>
    </row>
    <row r="20" spans="1:44" ht="32.4" customHeight="1" x14ac:dyDescent="0.3">
      <c r="A20" s="164"/>
      <c r="B20" s="12" t="s">
        <v>36</v>
      </c>
      <c r="C20" s="13" t="s">
        <v>38</v>
      </c>
      <c r="D20" s="13" t="s">
        <v>373</v>
      </c>
      <c r="E20" s="13" t="s">
        <v>38</v>
      </c>
      <c r="F20" s="13" t="s">
        <v>39</v>
      </c>
      <c r="G20" s="13" t="s">
        <v>445</v>
      </c>
      <c r="H20" s="13" t="s">
        <v>41</v>
      </c>
      <c r="I20" s="13" t="s">
        <v>38</v>
      </c>
      <c r="J20" s="13" t="s">
        <v>373</v>
      </c>
      <c r="K20" s="13" t="s">
        <v>373</v>
      </c>
      <c r="L20" s="13" t="s">
        <v>380</v>
      </c>
      <c r="M20" s="13" t="s">
        <v>649</v>
      </c>
      <c r="N20" s="13" t="s">
        <v>380</v>
      </c>
      <c r="O20" s="126" t="s">
        <v>37</v>
      </c>
      <c r="P20" s="126" t="s">
        <v>437</v>
      </c>
      <c r="Q20" s="126" t="s">
        <v>40</v>
      </c>
      <c r="R20" s="126" t="s">
        <v>351</v>
      </c>
      <c r="S20" s="126" t="s">
        <v>38</v>
      </c>
      <c r="T20" s="126" t="s">
        <v>478</v>
      </c>
      <c r="U20" s="126" t="s">
        <v>380</v>
      </c>
      <c r="V20" s="13" t="s">
        <v>539</v>
      </c>
      <c r="W20" s="13" t="s">
        <v>40</v>
      </c>
      <c r="X20" s="13" t="s">
        <v>380</v>
      </c>
      <c r="Y20" s="13" t="s">
        <v>380</v>
      </c>
      <c r="Z20" s="13" t="s">
        <v>380</v>
      </c>
      <c r="AA20" s="13" t="s">
        <v>380</v>
      </c>
      <c r="AB20" s="13" t="s">
        <v>380</v>
      </c>
      <c r="AC20" s="13" t="s">
        <v>380</v>
      </c>
      <c r="AD20" s="13" t="s">
        <v>380</v>
      </c>
      <c r="AE20" s="13" t="s">
        <v>380</v>
      </c>
      <c r="AF20" s="13" t="s">
        <v>380</v>
      </c>
      <c r="AG20" s="13" t="s">
        <v>539</v>
      </c>
      <c r="AH20" s="13" t="s">
        <v>539</v>
      </c>
      <c r="AI20" s="13" t="s">
        <v>633</v>
      </c>
      <c r="AJ20" s="13" t="s">
        <v>539</v>
      </c>
      <c r="AK20" s="13" t="s">
        <v>539</v>
      </c>
      <c r="AL20" s="13" t="s">
        <v>649</v>
      </c>
      <c r="AM20" s="13" t="s">
        <v>380</v>
      </c>
      <c r="AN20" s="13" t="s">
        <v>373</v>
      </c>
      <c r="AO20" s="13" t="s">
        <v>380</v>
      </c>
      <c r="AP20" s="13" t="s">
        <v>380</v>
      </c>
      <c r="AQ20" s="13" t="s">
        <v>380</v>
      </c>
      <c r="AR20" s="13" t="s">
        <v>380</v>
      </c>
    </row>
    <row r="21" spans="1:44" ht="32.4" customHeight="1" x14ac:dyDescent="0.3">
      <c r="A21" s="164"/>
      <c r="B21" s="12" t="s">
        <v>42</v>
      </c>
      <c r="C21" s="13" t="s">
        <v>43</v>
      </c>
      <c r="D21" s="13" t="s">
        <v>43</v>
      </c>
      <c r="E21" s="13" t="s">
        <v>412</v>
      </c>
      <c r="F21" s="13" t="s">
        <v>368</v>
      </c>
      <c r="G21" s="13" t="s">
        <v>446</v>
      </c>
      <c r="H21" s="13" t="s">
        <v>368</v>
      </c>
      <c r="I21" s="13" t="s">
        <v>479</v>
      </c>
      <c r="J21" s="13" t="s">
        <v>479</v>
      </c>
      <c r="K21" s="13" t="s">
        <v>43</v>
      </c>
      <c r="L21" s="13" t="s">
        <v>368</v>
      </c>
      <c r="M21" s="13" t="s">
        <v>648</v>
      </c>
      <c r="N21" s="13" t="s">
        <v>648</v>
      </c>
      <c r="O21" s="126" t="s">
        <v>43</v>
      </c>
      <c r="P21" s="126" t="s">
        <v>43</v>
      </c>
      <c r="Q21" s="126" t="s">
        <v>446</v>
      </c>
      <c r="R21" s="126" t="s">
        <v>446</v>
      </c>
      <c r="S21" s="126" t="s">
        <v>361</v>
      </c>
      <c r="T21" s="126" t="s">
        <v>368</v>
      </c>
      <c r="U21" s="126" t="s">
        <v>412</v>
      </c>
      <c r="V21" s="13" t="s">
        <v>43</v>
      </c>
      <c r="W21" s="13" t="s">
        <v>368</v>
      </c>
      <c r="X21" s="13" t="s">
        <v>43</v>
      </c>
      <c r="Y21" s="13" t="s">
        <v>43</v>
      </c>
      <c r="Z21" s="13" t="s">
        <v>43</v>
      </c>
      <c r="AA21" s="13" t="s">
        <v>43</v>
      </c>
      <c r="AB21" s="13" t="s">
        <v>43</v>
      </c>
      <c r="AC21" s="13" t="s">
        <v>43</v>
      </c>
      <c r="AD21" s="13" t="s">
        <v>43</v>
      </c>
      <c r="AE21" s="13" t="s">
        <v>607</v>
      </c>
      <c r="AF21" s="13" t="s">
        <v>607</v>
      </c>
      <c r="AG21" s="13" t="s">
        <v>607</v>
      </c>
      <c r="AH21" s="13" t="s">
        <v>607</v>
      </c>
      <c r="AI21" s="13" t="s">
        <v>607</v>
      </c>
      <c r="AJ21" s="13" t="s">
        <v>607</v>
      </c>
      <c r="AK21" s="13" t="s">
        <v>607</v>
      </c>
      <c r="AL21" s="13" t="s">
        <v>648</v>
      </c>
      <c r="AM21" s="13" t="s">
        <v>43</v>
      </c>
      <c r="AN21" s="13" t="s">
        <v>446</v>
      </c>
      <c r="AO21" s="13" t="s">
        <v>446</v>
      </c>
      <c r="AP21" s="13" t="s">
        <v>43</v>
      </c>
      <c r="AQ21" s="13" t="s">
        <v>43</v>
      </c>
      <c r="AR21" s="13" t="s">
        <v>43</v>
      </c>
    </row>
    <row r="22" spans="1:44" x14ac:dyDescent="0.3">
      <c r="A22" s="5"/>
      <c r="B22" s="4"/>
      <c r="O22" s="125"/>
      <c r="P22" s="125"/>
      <c r="Q22" s="125"/>
      <c r="R22" s="125"/>
      <c r="S22" s="125"/>
      <c r="T22" s="125"/>
      <c r="U22" s="125"/>
    </row>
    <row r="23" spans="1:44" ht="30.65" customHeight="1" x14ac:dyDescent="0.3">
      <c r="A23" s="164" t="s">
        <v>44</v>
      </c>
      <c r="B23" s="12" t="s">
        <v>45</v>
      </c>
      <c r="C23" s="13" t="s">
        <v>387</v>
      </c>
      <c r="D23" s="13" t="s">
        <v>405</v>
      </c>
      <c r="E23" s="13" t="s">
        <v>413</v>
      </c>
      <c r="F23" s="13" t="s">
        <v>421</v>
      </c>
      <c r="G23" s="13" t="s">
        <v>447</v>
      </c>
      <c r="H23" s="13" t="s">
        <v>438</v>
      </c>
      <c r="I23" s="13" t="s">
        <v>481</v>
      </c>
      <c r="J23" s="13" t="s">
        <v>482</v>
      </c>
      <c r="K23" s="13" t="s">
        <v>387</v>
      </c>
      <c r="L23" s="13" t="s">
        <v>531</v>
      </c>
      <c r="M23" s="13" t="s">
        <v>715</v>
      </c>
      <c r="N23" s="13" t="s">
        <v>715</v>
      </c>
      <c r="O23" s="126" t="s">
        <v>387</v>
      </c>
      <c r="P23" s="126" t="s">
        <v>438</v>
      </c>
      <c r="Q23" s="126" t="s">
        <v>438</v>
      </c>
      <c r="R23" s="126" t="s">
        <v>480</v>
      </c>
      <c r="S23" s="126" t="s">
        <v>480</v>
      </c>
      <c r="T23" s="126" t="s">
        <v>480</v>
      </c>
      <c r="U23" s="126" t="s">
        <v>387</v>
      </c>
      <c r="V23" s="13" t="s">
        <v>480</v>
      </c>
      <c r="W23" s="13" t="s">
        <v>480</v>
      </c>
      <c r="X23" s="13" t="s">
        <v>531</v>
      </c>
      <c r="Y23" s="13" t="s">
        <v>405</v>
      </c>
      <c r="Z23" s="13" t="s">
        <v>405</v>
      </c>
      <c r="AA23" s="13" t="s">
        <v>405</v>
      </c>
      <c r="AB23" s="13" t="s">
        <v>405</v>
      </c>
      <c r="AC23" s="13" t="s">
        <v>405</v>
      </c>
      <c r="AD23" s="13" t="s">
        <v>405</v>
      </c>
      <c r="AE23" s="13" t="s">
        <v>531</v>
      </c>
      <c r="AF23" s="13" t="s">
        <v>531</v>
      </c>
      <c r="AG23" s="13" t="s">
        <v>531</v>
      </c>
      <c r="AH23" s="13" t="s">
        <v>531</v>
      </c>
      <c r="AI23" s="13" t="s">
        <v>531</v>
      </c>
      <c r="AJ23" s="13" t="s">
        <v>531</v>
      </c>
      <c r="AK23" s="13" t="s">
        <v>531</v>
      </c>
      <c r="AL23" s="13" t="s">
        <v>661</v>
      </c>
      <c r="AM23" s="13" t="s">
        <v>661</v>
      </c>
      <c r="AN23" s="13" t="s">
        <v>661</v>
      </c>
      <c r="AO23" s="13" t="s">
        <v>661</v>
      </c>
      <c r="AP23" s="13" t="s">
        <v>661</v>
      </c>
      <c r="AQ23" s="13" t="s">
        <v>661</v>
      </c>
      <c r="AR23" s="13" t="s">
        <v>661</v>
      </c>
    </row>
    <row r="24" spans="1:44" ht="30.65" customHeight="1" x14ac:dyDescent="0.3">
      <c r="A24" s="164"/>
      <c r="B24" s="12" t="s">
        <v>46</v>
      </c>
      <c r="C24" s="13" t="s">
        <v>33</v>
      </c>
      <c r="D24" s="13" t="s">
        <v>33</v>
      </c>
      <c r="E24" s="13" t="s">
        <v>33</v>
      </c>
      <c r="F24" s="13" t="s">
        <v>33</v>
      </c>
      <c r="G24" s="13" t="s">
        <v>33</v>
      </c>
      <c r="H24" s="13" t="s">
        <v>34</v>
      </c>
      <c r="I24" s="13" t="s">
        <v>33</v>
      </c>
      <c r="J24" s="13" t="s">
        <v>33</v>
      </c>
      <c r="K24" s="13" t="s">
        <v>33</v>
      </c>
      <c r="L24" s="13" t="s">
        <v>33</v>
      </c>
      <c r="M24" s="13" t="s">
        <v>33</v>
      </c>
      <c r="N24" s="13" t="s">
        <v>33</v>
      </c>
      <c r="O24" s="126" t="s">
        <v>33</v>
      </c>
      <c r="P24" s="126" t="s">
        <v>33</v>
      </c>
      <c r="Q24" s="126" t="s">
        <v>33</v>
      </c>
      <c r="R24" s="126" t="s">
        <v>33</v>
      </c>
      <c r="S24" s="126" t="s">
        <v>33</v>
      </c>
      <c r="T24" s="126" t="s">
        <v>33</v>
      </c>
      <c r="U24" s="126" t="s">
        <v>33</v>
      </c>
      <c r="V24" s="13" t="s">
        <v>34</v>
      </c>
      <c r="W24" s="13" t="s">
        <v>33</v>
      </c>
      <c r="X24" s="13" t="s">
        <v>33</v>
      </c>
      <c r="Y24" s="13" t="s">
        <v>33</v>
      </c>
      <c r="Z24" s="13" t="s">
        <v>33</v>
      </c>
      <c r="AA24" s="13" t="s">
        <v>33</v>
      </c>
      <c r="AB24" s="13" t="s">
        <v>33</v>
      </c>
      <c r="AC24" s="13" t="s">
        <v>33</v>
      </c>
      <c r="AD24" s="13" t="s">
        <v>33</v>
      </c>
      <c r="AE24" s="13" t="s">
        <v>33</v>
      </c>
      <c r="AF24" s="13" t="s">
        <v>33</v>
      </c>
      <c r="AG24" s="13" t="s">
        <v>33</v>
      </c>
      <c r="AH24" s="13"/>
      <c r="AI24" s="13" t="s">
        <v>33</v>
      </c>
      <c r="AJ24" s="13" t="s">
        <v>33</v>
      </c>
      <c r="AK24" s="13" t="s">
        <v>33</v>
      </c>
      <c r="AL24" s="13" t="s">
        <v>33</v>
      </c>
      <c r="AM24" s="13" t="s">
        <v>33</v>
      </c>
      <c r="AN24" s="13" t="s">
        <v>34</v>
      </c>
      <c r="AO24" s="13" t="s">
        <v>33</v>
      </c>
      <c r="AP24" s="13" t="s">
        <v>34</v>
      </c>
      <c r="AQ24" s="13" t="s">
        <v>33</v>
      </c>
      <c r="AR24" s="13" t="s">
        <v>34</v>
      </c>
    </row>
    <row r="25" spans="1:44" ht="30.65" customHeight="1" x14ac:dyDescent="0.3">
      <c r="A25" s="164"/>
      <c r="B25" s="12" t="s">
        <v>47</v>
      </c>
      <c r="C25" s="13" t="s">
        <v>49</v>
      </c>
      <c r="D25" s="13" t="s">
        <v>48</v>
      </c>
      <c r="E25" s="13" t="s">
        <v>48</v>
      </c>
      <c r="F25" s="13" t="s">
        <v>49</v>
      </c>
      <c r="G25" s="13" t="s">
        <v>48</v>
      </c>
      <c r="H25" s="13" t="s">
        <v>49</v>
      </c>
      <c r="I25" s="13" t="s">
        <v>49</v>
      </c>
      <c r="J25" s="13" t="s">
        <v>49</v>
      </c>
      <c r="K25" s="13" t="s">
        <v>48</v>
      </c>
      <c r="L25" s="13" t="s">
        <v>753</v>
      </c>
      <c r="M25" s="13" t="s">
        <v>592</v>
      </c>
      <c r="N25" s="13" t="s">
        <v>592</v>
      </c>
      <c r="O25" s="126" t="s">
        <v>48</v>
      </c>
      <c r="P25" s="126" t="s">
        <v>49</v>
      </c>
      <c r="Q25" s="126" t="s">
        <v>48</v>
      </c>
      <c r="R25" s="126" t="s">
        <v>352</v>
      </c>
      <c r="S25" s="126" t="s">
        <v>362</v>
      </c>
      <c r="T25" s="126" t="s">
        <v>49</v>
      </c>
      <c r="U25" s="126" t="s">
        <v>48</v>
      </c>
      <c r="V25" s="13" t="s">
        <v>49</v>
      </c>
      <c r="W25" s="13" t="s">
        <v>49</v>
      </c>
      <c r="X25" s="13" t="s">
        <v>521</v>
      </c>
      <c r="Y25" s="13" t="s">
        <v>521</v>
      </c>
      <c r="Z25" s="13" t="s">
        <v>521</v>
      </c>
      <c r="AA25" s="13" t="s">
        <v>521</v>
      </c>
      <c r="AB25" s="13" t="s">
        <v>521</v>
      </c>
      <c r="AC25" s="13" t="s">
        <v>521</v>
      </c>
      <c r="AD25" s="13" t="s">
        <v>521</v>
      </c>
      <c r="AE25" s="13" t="s">
        <v>592</v>
      </c>
      <c r="AF25" s="13" t="s">
        <v>592</v>
      </c>
      <c r="AG25" s="13" t="s">
        <v>592</v>
      </c>
      <c r="AH25" s="13" t="s">
        <v>592</v>
      </c>
      <c r="AI25" s="13" t="s">
        <v>592</v>
      </c>
      <c r="AJ25" s="13" t="s">
        <v>592</v>
      </c>
      <c r="AK25" s="13" t="s">
        <v>592</v>
      </c>
      <c r="AL25" s="13" t="s">
        <v>521</v>
      </c>
      <c r="AM25" s="13" t="s">
        <v>521</v>
      </c>
      <c r="AN25" s="13" t="s">
        <v>521</v>
      </c>
      <c r="AO25" s="13" t="s">
        <v>521</v>
      </c>
      <c r="AP25" s="13" t="s">
        <v>521</v>
      </c>
      <c r="AQ25" s="13" t="s">
        <v>521</v>
      </c>
      <c r="AR25" s="13" t="s">
        <v>521</v>
      </c>
    </row>
    <row r="26" spans="1:44" ht="30.65" customHeight="1" x14ac:dyDescent="0.3">
      <c r="A26" s="164"/>
      <c r="B26" s="12" t="s">
        <v>50</v>
      </c>
      <c r="C26" s="13" t="s">
        <v>397</v>
      </c>
      <c r="D26" s="13" t="s">
        <v>406</v>
      </c>
      <c r="E26" s="13" t="s">
        <v>397</v>
      </c>
      <c r="F26" s="13" t="s">
        <v>406</v>
      </c>
      <c r="G26" s="13" t="s">
        <v>406</v>
      </c>
      <c r="H26" s="13" t="s">
        <v>406</v>
      </c>
      <c r="I26" s="13" t="s">
        <v>406</v>
      </c>
      <c r="J26" s="13" t="s">
        <v>397</v>
      </c>
      <c r="K26" s="13" t="s">
        <v>406</v>
      </c>
      <c r="L26" s="13" t="s">
        <v>397</v>
      </c>
      <c r="M26" s="13" t="s">
        <v>406</v>
      </c>
      <c r="N26" s="13" t="s">
        <v>406</v>
      </c>
      <c r="O26" s="126" t="s">
        <v>51</v>
      </c>
      <c r="P26" s="126" t="s">
        <v>51</v>
      </c>
      <c r="Q26" s="126" t="s">
        <v>51</v>
      </c>
      <c r="R26" s="126" t="s">
        <v>406</v>
      </c>
      <c r="S26" s="126" t="s">
        <v>51</v>
      </c>
      <c r="T26" s="126" t="s">
        <v>406</v>
      </c>
      <c r="U26" s="126" t="s">
        <v>406</v>
      </c>
      <c r="V26" s="13" t="s">
        <v>51</v>
      </c>
      <c r="W26" s="13" t="s">
        <v>51</v>
      </c>
      <c r="X26" s="13" t="s">
        <v>406</v>
      </c>
      <c r="Y26" s="13" t="s">
        <v>406</v>
      </c>
      <c r="Z26" s="13" t="s">
        <v>406</v>
      </c>
      <c r="AA26" s="13" t="s">
        <v>406</v>
      </c>
      <c r="AB26" s="13" t="s">
        <v>406</v>
      </c>
      <c r="AC26" s="13" t="s">
        <v>406</v>
      </c>
      <c r="AD26" s="13" t="s">
        <v>406</v>
      </c>
      <c r="AE26" s="13" t="s">
        <v>51</v>
      </c>
      <c r="AF26" s="13" t="s">
        <v>406</v>
      </c>
      <c r="AG26" s="13" t="s">
        <v>406</v>
      </c>
      <c r="AH26" s="13" t="s">
        <v>51</v>
      </c>
      <c r="AI26" s="13" t="s">
        <v>406</v>
      </c>
      <c r="AJ26" s="13" t="s">
        <v>51</v>
      </c>
      <c r="AK26" s="13" t="s">
        <v>406</v>
      </c>
      <c r="AL26" s="13" t="s">
        <v>406</v>
      </c>
      <c r="AM26" s="13" t="s">
        <v>406</v>
      </c>
      <c r="AN26" s="13" t="s">
        <v>406</v>
      </c>
      <c r="AO26" s="13" t="s">
        <v>406</v>
      </c>
      <c r="AP26" s="13" t="s">
        <v>406</v>
      </c>
      <c r="AQ26" s="13" t="s">
        <v>406</v>
      </c>
      <c r="AR26" s="13" t="s">
        <v>406</v>
      </c>
    </row>
    <row r="27" spans="1:44" ht="30.65" customHeight="1" x14ac:dyDescent="0.3">
      <c r="A27" s="164"/>
      <c r="B27" s="12" t="s">
        <v>52</v>
      </c>
      <c r="D27" s="119"/>
      <c r="E27" s="120"/>
      <c r="F27" s="118"/>
      <c r="G27" s="122"/>
      <c r="H27" s="13"/>
      <c r="I27" s="118"/>
      <c r="J27" s="118"/>
      <c r="K27" s="13"/>
      <c r="L27" s="13"/>
      <c r="M27" s="13"/>
      <c r="N27" s="13"/>
      <c r="O27" s="125"/>
      <c r="P27" s="126"/>
      <c r="Q27" s="125"/>
      <c r="R27" s="124"/>
      <c r="S27" s="124"/>
      <c r="T27" s="124"/>
      <c r="U27" s="124"/>
      <c r="V27" s="13"/>
      <c r="W27" s="13"/>
      <c r="X27" s="13"/>
      <c r="Y27" s="118"/>
      <c r="Z27" s="13"/>
      <c r="AA27" s="13"/>
      <c r="AB27" s="13"/>
      <c r="AC27" s="13"/>
      <c r="AD27" s="13"/>
      <c r="AE27" s="13"/>
      <c r="AF27" s="13"/>
      <c r="AG27" s="13"/>
      <c r="AH27" s="13"/>
      <c r="AI27" s="13"/>
      <c r="AJ27" s="13"/>
      <c r="AK27" s="13"/>
      <c r="AL27" s="13"/>
      <c r="AM27" s="13"/>
      <c r="AN27" s="13"/>
      <c r="AO27" s="13"/>
      <c r="AP27" s="13"/>
      <c r="AQ27" s="13"/>
      <c r="AR27" s="13"/>
    </row>
    <row r="28" spans="1:44" ht="30.65" customHeight="1" x14ac:dyDescent="0.3">
      <c r="A28" s="164"/>
      <c r="B28" s="48" t="s">
        <v>53</v>
      </c>
      <c r="C28" s="118">
        <v>1200</v>
      </c>
      <c r="D28" s="140">
        <v>2100</v>
      </c>
      <c r="E28" s="118">
        <v>250</v>
      </c>
      <c r="F28" s="118">
        <v>300</v>
      </c>
      <c r="G28" s="141">
        <v>2000</v>
      </c>
      <c r="H28" s="118">
        <v>500</v>
      </c>
      <c r="I28" s="118">
        <v>1600</v>
      </c>
      <c r="J28" s="118">
        <v>1100</v>
      </c>
      <c r="K28" s="118">
        <v>300</v>
      </c>
      <c r="L28" s="118">
        <v>1000</v>
      </c>
      <c r="M28" s="118">
        <v>1600</v>
      </c>
      <c r="N28" s="118">
        <v>1500</v>
      </c>
      <c r="O28" s="124">
        <v>200</v>
      </c>
      <c r="P28" s="139">
        <v>250</v>
      </c>
      <c r="Q28" s="124">
        <v>360</v>
      </c>
      <c r="R28" s="142">
        <v>2800</v>
      </c>
      <c r="S28" s="124">
        <v>1500</v>
      </c>
      <c r="T28" s="124">
        <v>450</v>
      </c>
      <c r="U28" s="142">
        <v>2000</v>
      </c>
      <c r="V28" s="118">
        <v>600</v>
      </c>
      <c r="W28" s="118">
        <v>400</v>
      </c>
      <c r="X28" s="118">
        <v>2000</v>
      </c>
      <c r="Y28" s="118">
        <v>1600</v>
      </c>
      <c r="Z28" s="118">
        <v>2100</v>
      </c>
      <c r="AA28" s="118">
        <v>2000</v>
      </c>
      <c r="AB28" s="118">
        <v>2000</v>
      </c>
      <c r="AC28" s="118">
        <v>2000</v>
      </c>
      <c r="AD28" s="118">
        <v>2000</v>
      </c>
      <c r="AE28" s="118">
        <v>1000</v>
      </c>
      <c r="AF28" s="118">
        <v>1500</v>
      </c>
      <c r="AG28" s="118">
        <v>1500</v>
      </c>
      <c r="AH28" s="118">
        <v>1400</v>
      </c>
      <c r="AI28" s="118">
        <v>1200</v>
      </c>
      <c r="AJ28" s="118">
        <v>1400</v>
      </c>
      <c r="AK28" s="118">
        <v>1100</v>
      </c>
      <c r="AL28" s="118">
        <v>1800</v>
      </c>
      <c r="AM28" s="118">
        <v>1500</v>
      </c>
      <c r="AN28" s="118">
        <v>1000</v>
      </c>
      <c r="AO28" s="118">
        <v>1400</v>
      </c>
      <c r="AP28" s="118">
        <v>1700</v>
      </c>
      <c r="AQ28" s="118">
        <v>1500</v>
      </c>
      <c r="AR28" s="118">
        <v>1400</v>
      </c>
    </row>
    <row r="29" spans="1:44" ht="30.65" customHeight="1" x14ac:dyDescent="0.3">
      <c r="A29" s="164"/>
      <c r="B29" s="48" t="s">
        <v>54</v>
      </c>
      <c r="C29" s="118">
        <v>0</v>
      </c>
      <c r="D29" s="118">
        <v>0</v>
      </c>
      <c r="E29" s="118">
        <v>0</v>
      </c>
      <c r="F29" s="118">
        <v>0</v>
      </c>
      <c r="G29" s="118">
        <v>0</v>
      </c>
      <c r="H29" s="118">
        <v>0</v>
      </c>
      <c r="I29" s="118">
        <v>0</v>
      </c>
      <c r="J29" s="118">
        <v>0</v>
      </c>
      <c r="K29" s="118">
        <v>0</v>
      </c>
      <c r="L29" s="118">
        <v>0</v>
      </c>
      <c r="M29" s="118">
        <v>0</v>
      </c>
      <c r="N29" s="118">
        <v>0</v>
      </c>
      <c r="O29" s="124">
        <v>0</v>
      </c>
      <c r="P29" s="124">
        <v>0</v>
      </c>
      <c r="Q29" s="124">
        <v>0</v>
      </c>
      <c r="R29" s="124">
        <v>0</v>
      </c>
      <c r="S29" s="124">
        <v>0</v>
      </c>
      <c r="T29" s="124">
        <v>0</v>
      </c>
      <c r="U29" s="124">
        <v>0</v>
      </c>
      <c r="V29" s="118">
        <v>0</v>
      </c>
      <c r="W29" s="118">
        <v>0</v>
      </c>
      <c r="X29" s="118">
        <v>0</v>
      </c>
      <c r="Y29" s="118">
        <v>0</v>
      </c>
      <c r="Z29" s="124">
        <v>0</v>
      </c>
      <c r="AA29" s="124">
        <v>0</v>
      </c>
      <c r="AB29" s="124">
        <v>0</v>
      </c>
      <c r="AC29" s="124">
        <v>0</v>
      </c>
      <c r="AD29" s="124">
        <v>0</v>
      </c>
      <c r="AE29" s="124">
        <v>0</v>
      </c>
      <c r="AF29" s="124">
        <v>0</v>
      </c>
      <c r="AG29" s="124">
        <v>0</v>
      </c>
      <c r="AH29" s="124">
        <v>0</v>
      </c>
      <c r="AI29" s="124">
        <v>0</v>
      </c>
      <c r="AJ29" s="124">
        <v>0</v>
      </c>
      <c r="AK29" s="124">
        <v>0</v>
      </c>
      <c r="AL29" s="124">
        <v>0</v>
      </c>
      <c r="AM29" s="124">
        <v>0</v>
      </c>
      <c r="AN29" s="124">
        <v>0</v>
      </c>
      <c r="AO29" s="124">
        <v>0</v>
      </c>
      <c r="AP29" s="124">
        <v>0</v>
      </c>
      <c r="AQ29" s="124">
        <v>0</v>
      </c>
      <c r="AR29" s="124">
        <v>0</v>
      </c>
    </row>
    <row r="30" spans="1:44" ht="30.65" customHeight="1" x14ac:dyDescent="0.3">
      <c r="A30" s="164"/>
      <c r="B30" s="48" t="s">
        <v>55</v>
      </c>
      <c r="C30" s="118">
        <v>1200</v>
      </c>
      <c r="D30" s="119">
        <v>2100</v>
      </c>
      <c r="E30" s="118">
        <v>250</v>
      </c>
      <c r="F30" s="118">
        <v>300</v>
      </c>
      <c r="G30" s="123">
        <v>2000</v>
      </c>
      <c r="H30" s="118">
        <v>500</v>
      </c>
      <c r="I30" s="118">
        <v>1600</v>
      </c>
      <c r="J30" s="118">
        <v>1100</v>
      </c>
      <c r="K30" s="118">
        <v>300</v>
      </c>
      <c r="L30" s="118">
        <v>1000</v>
      </c>
      <c r="M30" s="118">
        <v>1600</v>
      </c>
      <c r="N30" s="118">
        <v>1500</v>
      </c>
      <c r="O30" s="124">
        <v>200</v>
      </c>
      <c r="P30" s="131">
        <v>250</v>
      </c>
      <c r="Q30" s="124">
        <v>360</v>
      </c>
      <c r="R30" s="124">
        <v>2800</v>
      </c>
      <c r="S30" s="124">
        <v>1500</v>
      </c>
      <c r="T30" s="124">
        <v>450</v>
      </c>
      <c r="U30" s="124">
        <v>2000</v>
      </c>
      <c r="V30" s="118">
        <v>600</v>
      </c>
      <c r="W30" s="118">
        <v>400</v>
      </c>
      <c r="X30" s="118">
        <v>2000</v>
      </c>
      <c r="Y30" s="118">
        <v>1600</v>
      </c>
      <c r="Z30" s="124">
        <v>2100</v>
      </c>
      <c r="AA30" s="124">
        <v>2000</v>
      </c>
      <c r="AB30" s="124">
        <v>2000</v>
      </c>
      <c r="AC30" s="124">
        <v>2000</v>
      </c>
      <c r="AD30" s="124">
        <v>2000</v>
      </c>
      <c r="AE30" s="124">
        <v>1000</v>
      </c>
      <c r="AF30" s="118">
        <v>1500</v>
      </c>
      <c r="AG30" s="118">
        <v>1500</v>
      </c>
      <c r="AH30" s="124">
        <v>1400</v>
      </c>
      <c r="AI30" s="118">
        <v>1200</v>
      </c>
      <c r="AJ30" s="124">
        <v>1400</v>
      </c>
      <c r="AK30" s="118">
        <v>1100</v>
      </c>
      <c r="AL30" s="118">
        <v>1800</v>
      </c>
      <c r="AM30" s="118">
        <v>1500</v>
      </c>
      <c r="AN30" s="124">
        <v>1000</v>
      </c>
      <c r="AO30" s="124">
        <v>1400</v>
      </c>
      <c r="AP30" s="124">
        <v>1700</v>
      </c>
      <c r="AQ30" s="118">
        <v>1500</v>
      </c>
      <c r="AR30" s="118">
        <v>1400</v>
      </c>
    </row>
    <row r="31" spans="1:44" ht="30.65" customHeight="1" x14ac:dyDescent="0.3">
      <c r="A31" s="164"/>
      <c r="B31" s="12" t="s">
        <v>56</v>
      </c>
      <c r="C31" s="13"/>
      <c r="D31" s="13"/>
      <c r="E31" s="13"/>
      <c r="F31" s="13"/>
      <c r="G31" s="13"/>
      <c r="H31" s="13"/>
      <c r="I31" s="13"/>
      <c r="J31" s="13"/>
      <c r="K31" s="13"/>
      <c r="L31" s="13"/>
      <c r="M31" s="13"/>
      <c r="N31" s="13"/>
      <c r="O31" s="126"/>
      <c r="P31" s="126"/>
      <c r="Q31" s="126"/>
      <c r="R31" s="126"/>
      <c r="S31" s="126"/>
      <c r="T31" s="126"/>
      <c r="U31" s="126"/>
      <c r="V31" s="13"/>
      <c r="W31" s="13"/>
      <c r="X31" s="13"/>
      <c r="Y31" s="13"/>
      <c r="Z31" s="13"/>
      <c r="AA31" s="13"/>
      <c r="AB31" s="13"/>
      <c r="AC31" s="13"/>
      <c r="AD31" s="13"/>
      <c r="AE31" s="13"/>
      <c r="AF31" s="13"/>
      <c r="AG31" s="13"/>
      <c r="AH31" s="13"/>
      <c r="AI31" s="13"/>
      <c r="AJ31" s="13"/>
      <c r="AK31" s="13"/>
      <c r="AL31" s="13"/>
      <c r="AM31" s="13"/>
      <c r="AN31" s="13"/>
      <c r="AO31" s="13"/>
      <c r="AP31" s="13"/>
      <c r="AQ31" s="13"/>
      <c r="AR31" s="13"/>
    </row>
    <row r="32" spans="1:44" ht="30.5" customHeight="1" x14ac:dyDescent="0.3">
      <c r="A32" s="164"/>
      <c r="B32" s="48" t="s">
        <v>57</v>
      </c>
      <c r="C32" s="13">
        <v>13</v>
      </c>
      <c r="D32" s="13">
        <v>16</v>
      </c>
      <c r="E32" s="13">
        <v>19</v>
      </c>
      <c r="F32" s="13">
        <v>35</v>
      </c>
      <c r="G32" s="13">
        <v>19</v>
      </c>
      <c r="H32" s="13">
        <v>25</v>
      </c>
      <c r="I32" s="13">
        <v>16</v>
      </c>
      <c r="J32" s="13">
        <v>17</v>
      </c>
      <c r="K32" s="13">
        <v>35</v>
      </c>
      <c r="L32" s="13">
        <v>17</v>
      </c>
      <c r="M32" s="13">
        <v>34</v>
      </c>
      <c r="N32" s="13">
        <v>26</v>
      </c>
      <c r="O32" s="126">
        <v>26</v>
      </c>
      <c r="P32" s="126">
        <v>26</v>
      </c>
      <c r="Q32" s="126">
        <v>26</v>
      </c>
      <c r="R32" s="126">
        <v>20</v>
      </c>
      <c r="S32" s="126">
        <v>16</v>
      </c>
      <c r="T32" s="126">
        <v>11</v>
      </c>
      <c r="U32" s="126">
        <v>29</v>
      </c>
      <c r="V32" s="13">
        <v>16</v>
      </c>
      <c r="W32" s="13">
        <v>56</v>
      </c>
      <c r="X32" s="13">
        <v>19</v>
      </c>
      <c r="Y32" s="13">
        <v>19</v>
      </c>
      <c r="Z32" s="13">
        <v>19</v>
      </c>
      <c r="AA32" s="13">
        <v>19</v>
      </c>
      <c r="AB32" s="13">
        <v>19</v>
      </c>
      <c r="AC32" s="13">
        <v>19</v>
      </c>
      <c r="AD32" s="13">
        <v>19</v>
      </c>
      <c r="AE32" s="13">
        <v>37</v>
      </c>
      <c r="AF32" s="13">
        <v>37</v>
      </c>
      <c r="AG32" s="13">
        <v>37</v>
      </c>
      <c r="AH32" s="13">
        <v>37</v>
      </c>
      <c r="AI32" s="13">
        <v>37</v>
      </c>
      <c r="AJ32" s="13">
        <v>37</v>
      </c>
      <c r="AK32" s="13">
        <v>37</v>
      </c>
      <c r="AL32" s="13">
        <v>30</v>
      </c>
      <c r="AM32" s="13">
        <v>30</v>
      </c>
      <c r="AN32" s="13">
        <v>30</v>
      </c>
      <c r="AO32" s="13">
        <v>30</v>
      </c>
      <c r="AP32" s="13">
        <v>30</v>
      </c>
      <c r="AQ32" s="13">
        <v>30</v>
      </c>
      <c r="AR32" s="13">
        <v>30</v>
      </c>
    </row>
    <row r="33" spans="1:44" ht="30.65" customHeight="1" x14ac:dyDescent="0.3">
      <c r="A33" s="164"/>
      <c r="B33" s="48" t="s">
        <v>58</v>
      </c>
      <c r="C33" s="13">
        <v>11</v>
      </c>
      <c r="D33" s="13">
        <v>12</v>
      </c>
      <c r="E33" s="13">
        <v>13</v>
      </c>
      <c r="F33" s="13">
        <v>9</v>
      </c>
      <c r="G33" s="13">
        <v>7</v>
      </c>
      <c r="H33" s="13">
        <v>1</v>
      </c>
      <c r="I33" s="13">
        <v>11</v>
      </c>
      <c r="J33" s="13">
        <v>17</v>
      </c>
      <c r="K33" s="13">
        <v>9</v>
      </c>
      <c r="L33" s="13">
        <v>17</v>
      </c>
      <c r="M33" s="13">
        <v>14</v>
      </c>
      <c r="N33" s="13">
        <v>6</v>
      </c>
      <c r="O33" s="126" t="s">
        <v>393</v>
      </c>
      <c r="P33" s="126">
        <v>13</v>
      </c>
      <c r="Q33" s="126" t="s">
        <v>393</v>
      </c>
      <c r="R33" s="126">
        <v>6</v>
      </c>
      <c r="S33" s="126">
        <v>4</v>
      </c>
      <c r="T33" s="126" t="s">
        <v>393</v>
      </c>
      <c r="U33" s="126">
        <v>12</v>
      </c>
      <c r="V33" s="13">
        <v>7</v>
      </c>
      <c r="W33" s="13" t="s">
        <v>393</v>
      </c>
      <c r="X33" s="13">
        <v>16</v>
      </c>
      <c r="Y33" s="13">
        <v>16</v>
      </c>
      <c r="Z33" s="13">
        <v>16</v>
      </c>
      <c r="AA33" s="13">
        <v>16</v>
      </c>
      <c r="AB33" s="13">
        <v>16</v>
      </c>
      <c r="AC33" s="13">
        <v>16</v>
      </c>
      <c r="AD33" s="13">
        <v>16</v>
      </c>
      <c r="AE33" s="13">
        <v>16</v>
      </c>
      <c r="AF33" s="13">
        <v>16</v>
      </c>
      <c r="AG33" s="13">
        <v>16</v>
      </c>
      <c r="AH33" s="13">
        <v>16</v>
      </c>
      <c r="AI33" s="13">
        <v>16</v>
      </c>
      <c r="AJ33" s="13">
        <v>16</v>
      </c>
      <c r="AK33" s="13">
        <v>16</v>
      </c>
      <c r="AL33" s="13">
        <v>13</v>
      </c>
      <c r="AM33" s="13">
        <v>13</v>
      </c>
      <c r="AN33" s="13">
        <v>13</v>
      </c>
      <c r="AO33" s="13">
        <v>13</v>
      </c>
      <c r="AP33" s="13">
        <v>13</v>
      </c>
      <c r="AQ33" s="13">
        <v>13</v>
      </c>
      <c r="AR33" s="13">
        <v>13</v>
      </c>
    </row>
    <row r="34" spans="1:44" ht="30.65" customHeight="1" x14ac:dyDescent="0.3">
      <c r="A34" s="164"/>
      <c r="B34" s="48" t="s">
        <v>59</v>
      </c>
      <c r="C34" s="13">
        <v>1</v>
      </c>
      <c r="D34" s="13">
        <v>1</v>
      </c>
      <c r="E34" s="13">
        <v>3</v>
      </c>
      <c r="F34" s="13">
        <v>11</v>
      </c>
      <c r="G34" s="13">
        <v>2</v>
      </c>
      <c r="H34" s="13">
        <v>10</v>
      </c>
      <c r="I34" s="13">
        <v>6</v>
      </c>
      <c r="J34" s="13">
        <v>2</v>
      </c>
      <c r="K34" s="13">
        <v>11</v>
      </c>
      <c r="L34" s="13">
        <v>2</v>
      </c>
      <c r="M34" s="13">
        <v>6</v>
      </c>
      <c r="N34" s="13">
        <v>4</v>
      </c>
      <c r="O34" s="126" t="s">
        <v>393</v>
      </c>
      <c r="P34" s="126">
        <v>2</v>
      </c>
      <c r="Q34" s="126" t="s">
        <v>393</v>
      </c>
      <c r="R34" s="126">
        <v>1</v>
      </c>
      <c r="S34" s="126" t="s">
        <v>393</v>
      </c>
      <c r="T34" s="126">
        <v>1</v>
      </c>
      <c r="U34" s="126">
        <v>5</v>
      </c>
      <c r="V34" s="13">
        <v>2</v>
      </c>
      <c r="W34" s="13" t="s">
        <v>393</v>
      </c>
      <c r="X34" s="13">
        <v>10</v>
      </c>
      <c r="Y34" s="13">
        <v>10</v>
      </c>
      <c r="Z34" s="13">
        <v>10</v>
      </c>
      <c r="AA34" s="13">
        <v>10</v>
      </c>
      <c r="AB34" s="13">
        <v>10</v>
      </c>
      <c r="AC34" s="13">
        <v>10</v>
      </c>
      <c r="AD34" s="13">
        <v>10</v>
      </c>
      <c r="AE34" s="13">
        <v>3</v>
      </c>
      <c r="AF34" s="13">
        <v>3</v>
      </c>
      <c r="AG34" s="13">
        <v>3</v>
      </c>
      <c r="AH34" s="13">
        <v>3</v>
      </c>
      <c r="AI34" s="13">
        <v>3</v>
      </c>
      <c r="AJ34" s="13">
        <v>3</v>
      </c>
      <c r="AK34" s="13">
        <v>3</v>
      </c>
      <c r="AL34" s="13">
        <v>6</v>
      </c>
      <c r="AM34" s="13">
        <v>6</v>
      </c>
      <c r="AN34" s="13">
        <v>6</v>
      </c>
      <c r="AO34" s="13">
        <v>6</v>
      </c>
      <c r="AP34" s="13">
        <v>6</v>
      </c>
      <c r="AQ34" s="13">
        <v>6</v>
      </c>
      <c r="AR34" s="13">
        <v>6</v>
      </c>
    </row>
    <row r="35" spans="1:44" ht="30.65" customHeight="1" x14ac:dyDescent="0.3">
      <c r="A35" s="164"/>
      <c r="B35" s="48" t="s">
        <v>60</v>
      </c>
      <c r="C35" s="13">
        <v>26</v>
      </c>
      <c r="D35" s="13">
        <v>21</v>
      </c>
      <c r="E35" s="13">
        <v>35</v>
      </c>
      <c r="F35" s="13">
        <v>42</v>
      </c>
      <c r="G35" s="13">
        <v>61</v>
      </c>
      <c r="H35" s="13">
        <v>21</v>
      </c>
      <c r="I35" s="13">
        <v>67</v>
      </c>
      <c r="J35" s="13">
        <v>36</v>
      </c>
      <c r="K35" s="13">
        <v>42</v>
      </c>
      <c r="L35" s="13">
        <v>36</v>
      </c>
      <c r="M35" s="13">
        <v>22</v>
      </c>
      <c r="N35" s="13">
        <v>27</v>
      </c>
      <c r="O35" s="126" t="s">
        <v>393</v>
      </c>
      <c r="P35" s="126">
        <v>31</v>
      </c>
      <c r="Q35" s="126" t="s">
        <v>393</v>
      </c>
      <c r="R35" s="126">
        <v>41</v>
      </c>
      <c r="S35" s="126">
        <v>44</v>
      </c>
      <c r="T35" s="126">
        <v>33</v>
      </c>
      <c r="U35" s="126">
        <v>22</v>
      </c>
      <c r="V35" s="13">
        <v>29</v>
      </c>
      <c r="W35" s="13" t="s">
        <v>393</v>
      </c>
      <c r="X35" s="13">
        <v>30</v>
      </c>
      <c r="Y35" s="13">
        <v>30</v>
      </c>
      <c r="Z35" s="13">
        <v>30</v>
      </c>
      <c r="AA35" s="13">
        <v>30</v>
      </c>
      <c r="AB35" s="13">
        <v>30</v>
      </c>
      <c r="AC35" s="13">
        <v>30</v>
      </c>
      <c r="AD35" s="13">
        <v>30</v>
      </c>
      <c r="AE35" s="13">
        <v>29</v>
      </c>
      <c r="AF35" s="13">
        <v>29</v>
      </c>
      <c r="AG35" s="13">
        <v>29</v>
      </c>
      <c r="AH35" s="13">
        <v>29</v>
      </c>
      <c r="AI35" s="13">
        <v>29</v>
      </c>
      <c r="AJ35" s="13">
        <v>29</v>
      </c>
      <c r="AK35" s="13">
        <v>29</v>
      </c>
      <c r="AL35" s="13">
        <v>22</v>
      </c>
      <c r="AM35" s="13">
        <v>22</v>
      </c>
      <c r="AN35" s="13">
        <v>22</v>
      </c>
      <c r="AO35" s="13">
        <v>22</v>
      </c>
      <c r="AP35" s="13">
        <v>22</v>
      </c>
      <c r="AQ35" s="13">
        <v>22</v>
      </c>
      <c r="AR35" s="13">
        <v>22</v>
      </c>
    </row>
    <row r="36" spans="1:44" ht="30.65" customHeight="1" x14ac:dyDescent="0.3">
      <c r="A36" s="164"/>
      <c r="B36" s="48" t="s">
        <v>61</v>
      </c>
      <c r="C36" s="13">
        <v>23</v>
      </c>
      <c r="D36" s="13">
        <v>3</v>
      </c>
      <c r="E36" s="13">
        <v>8</v>
      </c>
      <c r="F36" s="13" t="s">
        <v>393</v>
      </c>
      <c r="G36" s="13">
        <v>3</v>
      </c>
      <c r="H36" s="13" t="s">
        <v>393</v>
      </c>
      <c r="I36" s="13" t="s">
        <v>393</v>
      </c>
      <c r="J36" s="13" t="s">
        <v>393</v>
      </c>
      <c r="K36" s="13" t="s">
        <v>393</v>
      </c>
      <c r="L36" s="13" t="s">
        <v>393</v>
      </c>
      <c r="M36" s="13">
        <v>1</v>
      </c>
      <c r="N36" s="13">
        <v>2</v>
      </c>
      <c r="O36" s="126">
        <v>2</v>
      </c>
      <c r="P36" s="126">
        <v>7</v>
      </c>
      <c r="Q36" s="126" t="s">
        <v>393</v>
      </c>
      <c r="R36" s="126" t="s">
        <v>393</v>
      </c>
      <c r="S36" s="126" t="s">
        <v>393</v>
      </c>
      <c r="T36" s="126" t="s">
        <v>393</v>
      </c>
      <c r="U36" s="126">
        <v>1</v>
      </c>
      <c r="V36" s="13" t="s">
        <v>393</v>
      </c>
      <c r="W36" s="13" t="s">
        <v>393</v>
      </c>
      <c r="X36" s="13">
        <v>2</v>
      </c>
      <c r="Y36" s="13">
        <v>2</v>
      </c>
      <c r="Z36" s="13">
        <v>2</v>
      </c>
      <c r="AA36" s="13">
        <v>2</v>
      </c>
      <c r="AB36" s="13">
        <v>2</v>
      </c>
      <c r="AC36" s="13">
        <v>2</v>
      </c>
      <c r="AD36" s="13">
        <v>2</v>
      </c>
      <c r="AE36" s="13" t="s">
        <v>393</v>
      </c>
      <c r="AF36" s="13" t="s">
        <v>393</v>
      </c>
      <c r="AG36" s="13" t="s">
        <v>393</v>
      </c>
      <c r="AH36" s="13" t="s">
        <v>393</v>
      </c>
      <c r="AI36" s="13" t="s">
        <v>393</v>
      </c>
      <c r="AJ36" s="13" t="s">
        <v>393</v>
      </c>
      <c r="AK36" s="13" t="s">
        <v>393</v>
      </c>
      <c r="AL36" s="13">
        <v>2</v>
      </c>
      <c r="AM36" s="13">
        <v>2</v>
      </c>
      <c r="AN36" s="13">
        <v>2</v>
      </c>
      <c r="AO36" s="13">
        <v>2</v>
      </c>
      <c r="AP36" s="13">
        <v>2</v>
      </c>
      <c r="AQ36" s="13">
        <v>2</v>
      </c>
      <c r="AR36" s="13">
        <v>2</v>
      </c>
    </row>
    <row r="37" spans="1:44" ht="30.65" customHeight="1" x14ac:dyDescent="0.3">
      <c r="A37" s="164"/>
      <c r="B37" s="48" t="s">
        <v>62</v>
      </c>
      <c r="C37" s="13">
        <v>15</v>
      </c>
      <c r="D37" s="13">
        <v>28</v>
      </c>
      <c r="E37" s="13">
        <v>22</v>
      </c>
      <c r="F37" s="13" t="s">
        <v>393</v>
      </c>
      <c r="G37" s="13">
        <v>8</v>
      </c>
      <c r="H37" s="13">
        <v>31</v>
      </c>
      <c r="I37" s="13" t="s">
        <v>393</v>
      </c>
      <c r="J37" s="13">
        <v>9</v>
      </c>
      <c r="K37" s="13" t="s">
        <v>393</v>
      </c>
      <c r="L37" s="13">
        <v>9</v>
      </c>
      <c r="M37" s="13">
        <v>9</v>
      </c>
      <c r="N37" s="13">
        <v>9</v>
      </c>
      <c r="O37" s="126">
        <v>65</v>
      </c>
      <c r="P37" s="126">
        <v>21</v>
      </c>
      <c r="Q37" s="126">
        <v>25</v>
      </c>
      <c r="R37" s="126">
        <v>16</v>
      </c>
      <c r="S37" s="126">
        <v>25</v>
      </c>
      <c r="T37" s="126">
        <v>16</v>
      </c>
      <c r="U37" s="126">
        <v>18</v>
      </c>
      <c r="V37" s="13">
        <v>45</v>
      </c>
      <c r="W37" s="13">
        <v>44</v>
      </c>
      <c r="X37" s="13">
        <v>16</v>
      </c>
      <c r="Y37" s="13">
        <v>16</v>
      </c>
      <c r="Z37" s="13">
        <v>16</v>
      </c>
      <c r="AA37" s="13">
        <v>16</v>
      </c>
      <c r="AB37" s="13">
        <v>16</v>
      </c>
      <c r="AC37" s="13">
        <v>16</v>
      </c>
      <c r="AD37" s="13">
        <v>16</v>
      </c>
      <c r="AE37" s="13">
        <v>8</v>
      </c>
      <c r="AF37" s="13">
        <v>8</v>
      </c>
      <c r="AG37" s="13">
        <v>8</v>
      </c>
      <c r="AH37" s="13">
        <v>8</v>
      </c>
      <c r="AI37" s="13">
        <v>8</v>
      </c>
      <c r="AJ37" s="13">
        <v>8</v>
      </c>
      <c r="AK37" s="13">
        <v>8</v>
      </c>
      <c r="AL37" s="13">
        <v>23</v>
      </c>
      <c r="AM37" s="13">
        <v>23</v>
      </c>
      <c r="AN37" s="13">
        <v>23</v>
      </c>
      <c r="AO37" s="13">
        <v>23</v>
      </c>
      <c r="AP37" s="13">
        <v>23</v>
      </c>
      <c r="AQ37" s="13">
        <v>23</v>
      </c>
      <c r="AR37" s="13">
        <v>23</v>
      </c>
    </row>
    <row r="38" spans="1:44" ht="30.65" customHeight="1" x14ac:dyDescent="0.3">
      <c r="A38" s="164"/>
      <c r="B38" s="48" t="s">
        <v>63</v>
      </c>
      <c r="C38" s="13" t="s">
        <v>393</v>
      </c>
      <c r="D38" s="13">
        <v>18</v>
      </c>
      <c r="E38" s="13" t="s">
        <v>393</v>
      </c>
      <c r="F38" s="13" t="s">
        <v>393</v>
      </c>
      <c r="G38" s="13" t="s">
        <v>393</v>
      </c>
      <c r="H38" s="13" t="s">
        <v>393</v>
      </c>
      <c r="I38" s="13" t="s">
        <v>393</v>
      </c>
      <c r="J38" s="13" t="s">
        <v>393</v>
      </c>
      <c r="K38" s="13" t="s">
        <v>393</v>
      </c>
      <c r="L38" s="13" t="s">
        <v>393</v>
      </c>
      <c r="M38" s="13">
        <v>2</v>
      </c>
      <c r="N38" s="13">
        <v>4</v>
      </c>
      <c r="O38" s="126" t="s">
        <v>393</v>
      </c>
      <c r="P38" s="126" t="s">
        <v>393</v>
      </c>
      <c r="Q38" s="126" t="s">
        <v>393</v>
      </c>
      <c r="R38" s="126">
        <v>11</v>
      </c>
      <c r="S38" s="126">
        <v>1</v>
      </c>
      <c r="T38" s="126" t="s">
        <v>393</v>
      </c>
      <c r="U38" s="126">
        <v>2</v>
      </c>
      <c r="V38" s="13">
        <v>1</v>
      </c>
      <c r="W38" s="13" t="s">
        <v>393</v>
      </c>
      <c r="X38" s="13" t="s">
        <v>393</v>
      </c>
      <c r="Y38" s="13" t="s">
        <v>393</v>
      </c>
      <c r="Z38" s="13" t="s">
        <v>393</v>
      </c>
      <c r="AA38" s="13" t="s">
        <v>393</v>
      </c>
      <c r="AB38" s="13" t="s">
        <v>393</v>
      </c>
      <c r="AC38" s="13" t="s">
        <v>393</v>
      </c>
      <c r="AD38" s="13" t="s">
        <v>393</v>
      </c>
      <c r="AE38" s="13" t="s">
        <v>393</v>
      </c>
      <c r="AF38" s="13" t="s">
        <v>393</v>
      </c>
      <c r="AG38" s="13" t="s">
        <v>393</v>
      </c>
      <c r="AH38" s="13" t="s">
        <v>393</v>
      </c>
      <c r="AI38" s="13" t="s">
        <v>393</v>
      </c>
      <c r="AJ38" s="13" t="s">
        <v>393</v>
      </c>
      <c r="AK38" s="13" t="s">
        <v>393</v>
      </c>
      <c r="AL38" s="13" t="s">
        <v>393</v>
      </c>
      <c r="AM38" s="13" t="s">
        <v>393</v>
      </c>
      <c r="AN38" s="13" t="s">
        <v>393</v>
      </c>
      <c r="AO38" s="13" t="s">
        <v>393</v>
      </c>
      <c r="AP38" s="13" t="s">
        <v>393</v>
      </c>
      <c r="AQ38" s="13" t="s">
        <v>393</v>
      </c>
      <c r="AR38" s="13" t="s">
        <v>393</v>
      </c>
    </row>
    <row r="39" spans="1:44" ht="30.65" customHeight="1" x14ac:dyDescent="0.3">
      <c r="A39" s="164"/>
      <c r="B39" s="48" t="s">
        <v>64</v>
      </c>
      <c r="C39" s="13">
        <v>6</v>
      </c>
      <c r="D39" s="13">
        <v>1</v>
      </c>
      <c r="E39" s="13" t="s">
        <v>393</v>
      </c>
      <c r="F39" s="13">
        <v>3</v>
      </c>
      <c r="G39" s="13" t="s">
        <v>393</v>
      </c>
      <c r="H39" s="13">
        <v>7</v>
      </c>
      <c r="I39" s="13" t="s">
        <v>393</v>
      </c>
      <c r="J39" s="13">
        <v>19</v>
      </c>
      <c r="K39" s="13">
        <v>3</v>
      </c>
      <c r="L39" s="13">
        <v>19</v>
      </c>
      <c r="M39" s="13">
        <v>12</v>
      </c>
      <c r="N39" s="13">
        <v>22</v>
      </c>
      <c r="O39" s="126">
        <v>7</v>
      </c>
      <c r="P39" s="126" t="s">
        <v>393</v>
      </c>
      <c r="Q39" s="126">
        <v>49</v>
      </c>
      <c r="R39" s="126">
        <v>5</v>
      </c>
      <c r="S39" s="126">
        <v>10</v>
      </c>
      <c r="T39" s="126">
        <v>39</v>
      </c>
      <c r="U39" s="126">
        <v>11</v>
      </c>
      <c r="V39" s="13" t="s">
        <v>393</v>
      </c>
      <c r="W39" s="13" t="s">
        <v>393</v>
      </c>
      <c r="X39" s="13">
        <v>7</v>
      </c>
      <c r="Y39" s="13">
        <v>7</v>
      </c>
      <c r="Z39" s="13">
        <v>7</v>
      </c>
      <c r="AA39" s="13">
        <v>7</v>
      </c>
      <c r="AB39" s="13">
        <v>7</v>
      </c>
      <c r="AC39" s="13">
        <v>7</v>
      </c>
      <c r="AD39" s="13">
        <v>7</v>
      </c>
      <c r="AE39" s="13">
        <v>2</v>
      </c>
      <c r="AF39" s="13">
        <v>2</v>
      </c>
      <c r="AG39" s="13">
        <v>2</v>
      </c>
      <c r="AH39" s="13">
        <v>2</v>
      </c>
      <c r="AI39" s="13">
        <v>2</v>
      </c>
      <c r="AJ39" s="13">
        <v>2</v>
      </c>
      <c r="AK39" s="13">
        <v>2</v>
      </c>
      <c r="AL39" s="13">
        <v>4</v>
      </c>
      <c r="AM39" s="13">
        <v>4</v>
      </c>
      <c r="AN39" s="13">
        <v>4</v>
      </c>
      <c r="AO39" s="13">
        <v>4</v>
      </c>
      <c r="AP39" s="13">
        <v>4</v>
      </c>
      <c r="AQ39" s="13">
        <v>4</v>
      </c>
      <c r="AR39" s="13">
        <v>4</v>
      </c>
    </row>
    <row r="40" spans="1:44" ht="30.65" customHeight="1" x14ac:dyDescent="0.3">
      <c r="A40" s="164"/>
      <c r="B40" s="48" t="s">
        <v>65</v>
      </c>
      <c r="C40" s="13">
        <v>4</v>
      </c>
      <c r="D40" s="13" t="s">
        <v>393</v>
      </c>
      <c r="E40" s="13" t="s">
        <v>393</v>
      </c>
      <c r="F40" s="13" t="s">
        <v>393</v>
      </c>
      <c r="G40" s="13" t="s">
        <v>393</v>
      </c>
      <c r="H40" s="13">
        <v>5</v>
      </c>
      <c r="I40" s="13" t="s">
        <v>393</v>
      </c>
      <c r="J40" s="13" t="s">
        <v>393</v>
      </c>
      <c r="K40" s="13" t="s">
        <v>393</v>
      </c>
      <c r="L40" s="13" t="s">
        <v>393</v>
      </c>
      <c r="M40" s="13" t="s">
        <v>393</v>
      </c>
      <c r="N40" s="13" t="s">
        <v>393</v>
      </c>
      <c r="O40" s="126" t="s">
        <v>393</v>
      </c>
      <c r="P40" s="126" t="s">
        <v>393</v>
      </c>
      <c r="Q40" s="126" t="s">
        <v>393</v>
      </c>
      <c r="R40" s="126" t="s">
        <v>393</v>
      </c>
      <c r="S40" s="126" t="s">
        <v>393</v>
      </c>
      <c r="T40" s="126" t="s">
        <v>393</v>
      </c>
      <c r="U40" s="126" t="s">
        <v>393</v>
      </c>
      <c r="V40" s="13" t="s">
        <v>393</v>
      </c>
      <c r="W40" s="13" t="s">
        <v>393</v>
      </c>
      <c r="X40" s="13" t="s">
        <v>393</v>
      </c>
      <c r="Y40" s="13" t="s">
        <v>393</v>
      </c>
      <c r="Z40" s="13" t="s">
        <v>393</v>
      </c>
      <c r="AA40" s="13" t="s">
        <v>393</v>
      </c>
      <c r="AB40" s="13" t="s">
        <v>393</v>
      </c>
      <c r="AC40" s="13" t="s">
        <v>393</v>
      </c>
      <c r="AD40" s="13" t="s">
        <v>393</v>
      </c>
      <c r="AE40" s="13">
        <v>5</v>
      </c>
      <c r="AF40" s="13">
        <v>5</v>
      </c>
      <c r="AG40" s="13">
        <v>5</v>
      </c>
      <c r="AH40" s="13">
        <v>5</v>
      </c>
      <c r="AI40" s="13">
        <v>5</v>
      </c>
      <c r="AJ40" s="13">
        <v>5</v>
      </c>
      <c r="AK40" s="13">
        <v>5</v>
      </c>
      <c r="AL40" s="13" t="s">
        <v>393</v>
      </c>
      <c r="AM40" s="13" t="s">
        <v>393</v>
      </c>
      <c r="AN40" s="13" t="s">
        <v>393</v>
      </c>
      <c r="AO40" s="13" t="s">
        <v>393</v>
      </c>
      <c r="AP40" s="13" t="s">
        <v>393</v>
      </c>
      <c r="AQ40" s="13" t="s">
        <v>393</v>
      </c>
      <c r="AR40" s="13" t="s">
        <v>393</v>
      </c>
    </row>
    <row r="41" spans="1:44" ht="30.65" customHeight="1" x14ac:dyDescent="0.3">
      <c r="A41" s="164"/>
      <c r="B41" s="12" t="s">
        <v>66</v>
      </c>
      <c r="C41" s="13"/>
      <c r="D41" s="13"/>
      <c r="E41" s="13"/>
      <c r="F41" s="13"/>
      <c r="G41" s="13"/>
      <c r="H41" s="13"/>
      <c r="I41" s="13"/>
      <c r="J41" s="13"/>
      <c r="K41" s="13"/>
      <c r="L41" s="13"/>
      <c r="M41" s="13"/>
      <c r="N41" s="13"/>
      <c r="O41" s="126"/>
      <c r="P41" s="126"/>
      <c r="Q41" s="126"/>
      <c r="R41" s="126"/>
      <c r="S41" s="126"/>
      <c r="T41" s="126"/>
      <c r="U41" s="126"/>
      <c r="V41" s="13"/>
      <c r="W41" s="13"/>
      <c r="X41" s="13"/>
      <c r="Y41" s="13"/>
      <c r="Z41" s="13"/>
      <c r="AA41" s="13"/>
      <c r="AB41" s="13"/>
      <c r="AC41" s="13"/>
      <c r="AD41" s="13"/>
      <c r="AE41" s="13"/>
      <c r="AF41" s="13"/>
      <c r="AG41" s="13"/>
      <c r="AH41" s="13"/>
      <c r="AI41" s="13"/>
      <c r="AJ41" s="13"/>
      <c r="AK41" s="13"/>
      <c r="AL41" s="13"/>
      <c r="AM41" s="13"/>
      <c r="AN41" s="13"/>
      <c r="AO41" s="13"/>
      <c r="AP41" s="13"/>
      <c r="AQ41" s="13"/>
      <c r="AR41" s="13"/>
    </row>
    <row r="42" spans="1:44" ht="30.65" customHeight="1" x14ac:dyDescent="0.3">
      <c r="A42" s="164"/>
      <c r="B42" s="48" t="s">
        <v>67</v>
      </c>
      <c r="C42" s="13">
        <v>4</v>
      </c>
      <c r="D42" s="13">
        <v>7</v>
      </c>
      <c r="E42" s="13">
        <v>4</v>
      </c>
      <c r="F42" s="13">
        <v>9</v>
      </c>
      <c r="G42" s="13">
        <v>6</v>
      </c>
      <c r="H42" s="13">
        <v>12</v>
      </c>
      <c r="I42" s="13">
        <v>7</v>
      </c>
      <c r="J42" s="13">
        <v>5</v>
      </c>
      <c r="K42" s="13">
        <v>9</v>
      </c>
      <c r="L42" s="126">
        <v>5</v>
      </c>
      <c r="M42" s="13">
        <v>12</v>
      </c>
      <c r="N42" s="13">
        <v>7</v>
      </c>
      <c r="O42" s="126">
        <v>38</v>
      </c>
      <c r="P42" s="126">
        <v>6</v>
      </c>
      <c r="Q42" s="126">
        <v>60</v>
      </c>
      <c r="R42" s="126">
        <v>10</v>
      </c>
      <c r="S42" s="126">
        <v>7</v>
      </c>
      <c r="T42" s="126">
        <v>6</v>
      </c>
      <c r="U42" s="126">
        <v>11</v>
      </c>
      <c r="V42" s="13">
        <v>24</v>
      </c>
      <c r="W42" s="13">
        <v>71</v>
      </c>
      <c r="X42" s="13">
        <v>6</v>
      </c>
      <c r="Y42" s="13">
        <v>6</v>
      </c>
      <c r="Z42" s="13">
        <v>6</v>
      </c>
      <c r="AA42" s="13">
        <v>6</v>
      </c>
      <c r="AB42" s="13">
        <v>6</v>
      </c>
      <c r="AC42" s="13">
        <v>6</v>
      </c>
      <c r="AD42" s="13">
        <v>6</v>
      </c>
      <c r="AE42" s="13">
        <v>12</v>
      </c>
      <c r="AF42" s="13">
        <v>12</v>
      </c>
      <c r="AG42" s="13">
        <v>12</v>
      </c>
      <c r="AH42" s="13">
        <v>12</v>
      </c>
      <c r="AI42" s="13">
        <v>12</v>
      </c>
      <c r="AJ42" s="13">
        <v>12</v>
      </c>
      <c r="AK42" s="13">
        <v>12</v>
      </c>
      <c r="AL42" s="13">
        <v>7</v>
      </c>
      <c r="AM42" s="13">
        <v>7</v>
      </c>
      <c r="AN42" s="13">
        <v>7</v>
      </c>
      <c r="AO42" s="13">
        <v>7</v>
      </c>
      <c r="AP42" s="13">
        <v>7</v>
      </c>
      <c r="AQ42" s="13">
        <v>7</v>
      </c>
      <c r="AR42" s="13">
        <v>7</v>
      </c>
    </row>
    <row r="43" spans="1:44" ht="30.65" customHeight="1" x14ac:dyDescent="0.3">
      <c r="A43" s="164"/>
      <c r="B43" s="48" t="s">
        <v>68</v>
      </c>
      <c r="C43" s="13">
        <v>7</v>
      </c>
      <c r="D43" s="13">
        <v>5</v>
      </c>
      <c r="E43" s="13">
        <v>3</v>
      </c>
      <c r="F43" s="13">
        <v>4</v>
      </c>
      <c r="G43" s="13">
        <v>3</v>
      </c>
      <c r="H43" s="13">
        <v>2</v>
      </c>
      <c r="I43" s="13">
        <v>9</v>
      </c>
      <c r="J43" s="13">
        <v>11</v>
      </c>
      <c r="K43" s="13">
        <v>4</v>
      </c>
      <c r="L43" s="126">
        <v>11</v>
      </c>
      <c r="M43" s="13">
        <v>8</v>
      </c>
      <c r="N43" s="13">
        <v>3</v>
      </c>
      <c r="O43" s="126" t="s">
        <v>393</v>
      </c>
      <c r="P43" s="126">
        <v>4</v>
      </c>
      <c r="Q43" s="126" t="s">
        <v>393</v>
      </c>
      <c r="R43" s="126">
        <v>5</v>
      </c>
      <c r="S43" s="126">
        <v>1</v>
      </c>
      <c r="T43" s="126" t="s">
        <v>393</v>
      </c>
      <c r="U43" s="126">
        <v>9</v>
      </c>
      <c r="V43" s="13">
        <v>10</v>
      </c>
      <c r="W43" s="13" t="s">
        <v>393</v>
      </c>
      <c r="X43" s="13">
        <v>10</v>
      </c>
      <c r="Y43" s="13">
        <v>10</v>
      </c>
      <c r="Z43" s="13">
        <v>10</v>
      </c>
      <c r="AA43" s="13">
        <v>10</v>
      </c>
      <c r="AB43" s="13">
        <v>10</v>
      </c>
      <c r="AC43" s="13">
        <v>10</v>
      </c>
      <c r="AD43" s="13">
        <v>10</v>
      </c>
      <c r="AE43" s="13">
        <v>10</v>
      </c>
      <c r="AF43" s="13">
        <v>10</v>
      </c>
      <c r="AG43" s="13">
        <v>10</v>
      </c>
      <c r="AH43" s="13">
        <v>10</v>
      </c>
      <c r="AI43" s="13">
        <v>10</v>
      </c>
      <c r="AJ43" s="13">
        <v>10</v>
      </c>
      <c r="AK43" s="13">
        <v>10</v>
      </c>
      <c r="AL43" s="13">
        <v>6</v>
      </c>
      <c r="AM43" s="13">
        <v>6</v>
      </c>
      <c r="AN43" s="13">
        <v>6</v>
      </c>
      <c r="AO43" s="13">
        <v>6</v>
      </c>
      <c r="AP43" s="13">
        <v>6</v>
      </c>
      <c r="AQ43" s="13">
        <v>6</v>
      </c>
      <c r="AR43" s="13">
        <v>6</v>
      </c>
    </row>
    <row r="44" spans="1:44" ht="30.65" customHeight="1" x14ac:dyDescent="0.3">
      <c r="A44" s="164"/>
      <c r="B44" s="48" t="s">
        <v>69</v>
      </c>
      <c r="C44" s="13">
        <v>4</v>
      </c>
      <c r="D44" s="13">
        <v>3</v>
      </c>
      <c r="E44" s="13">
        <v>3</v>
      </c>
      <c r="F44" s="13">
        <v>21</v>
      </c>
      <c r="G44" s="13">
        <v>4</v>
      </c>
      <c r="H44" s="13">
        <v>21</v>
      </c>
      <c r="I44" s="13">
        <v>8</v>
      </c>
      <c r="J44" s="13">
        <v>4</v>
      </c>
      <c r="K44" s="13">
        <v>21</v>
      </c>
      <c r="L44" s="126">
        <v>4</v>
      </c>
      <c r="M44" s="13">
        <v>10</v>
      </c>
      <c r="N44" s="13">
        <v>6</v>
      </c>
      <c r="O44" s="126" t="s">
        <v>393</v>
      </c>
      <c r="P44" s="126">
        <v>2</v>
      </c>
      <c r="Q44" s="126" t="s">
        <v>393</v>
      </c>
      <c r="R44" s="126">
        <v>4</v>
      </c>
      <c r="S44" s="126" t="s">
        <v>393</v>
      </c>
      <c r="T44" s="126">
        <v>4</v>
      </c>
      <c r="U44" s="126">
        <v>8</v>
      </c>
      <c r="V44" s="13">
        <v>5</v>
      </c>
      <c r="W44" s="13" t="s">
        <v>393</v>
      </c>
      <c r="X44" s="13">
        <v>14</v>
      </c>
      <c r="Y44" s="13">
        <v>14</v>
      </c>
      <c r="Z44" s="13">
        <v>14</v>
      </c>
      <c r="AA44" s="13">
        <v>14</v>
      </c>
      <c r="AB44" s="13">
        <v>14</v>
      </c>
      <c r="AC44" s="13">
        <v>14</v>
      </c>
      <c r="AD44" s="13">
        <v>14</v>
      </c>
      <c r="AE44" s="13">
        <v>7</v>
      </c>
      <c r="AF44" s="13">
        <v>7</v>
      </c>
      <c r="AG44" s="13">
        <v>7</v>
      </c>
      <c r="AH44" s="13">
        <v>7</v>
      </c>
      <c r="AI44" s="13">
        <v>7</v>
      </c>
      <c r="AJ44" s="13">
        <v>7</v>
      </c>
      <c r="AK44" s="13">
        <v>7</v>
      </c>
      <c r="AL44" s="13">
        <v>8</v>
      </c>
      <c r="AM44" s="13">
        <v>8</v>
      </c>
      <c r="AN44" s="13">
        <v>8</v>
      </c>
      <c r="AO44" s="13">
        <v>8</v>
      </c>
      <c r="AP44" s="13">
        <v>8</v>
      </c>
      <c r="AQ44" s="13">
        <v>8</v>
      </c>
      <c r="AR44" s="13">
        <v>8</v>
      </c>
    </row>
    <row r="45" spans="1:44" ht="30.65" customHeight="1" x14ac:dyDescent="0.3">
      <c r="A45" s="164"/>
      <c r="B45" s="48" t="s">
        <v>70</v>
      </c>
      <c r="C45" s="13">
        <v>39</v>
      </c>
      <c r="D45" s="13">
        <v>25</v>
      </c>
      <c r="E45" s="13">
        <v>37</v>
      </c>
      <c r="F45" s="13">
        <v>63</v>
      </c>
      <c r="G45" s="13">
        <v>43</v>
      </c>
      <c r="H45" s="13">
        <v>50</v>
      </c>
      <c r="I45" s="13">
        <v>76</v>
      </c>
      <c r="J45" s="13">
        <v>47</v>
      </c>
      <c r="K45" s="13">
        <v>63</v>
      </c>
      <c r="L45" s="126">
        <v>47</v>
      </c>
      <c r="M45" s="13">
        <v>37</v>
      </c>
      <c r="N45" s="13">
        <v>37</v>
      </c>
      <c r="O45" s="126" t="s">
        <v>393</v>
      </c>
      <c r="P45" s="126">
        <v>35</v>
      </c>
      <c r="Q45" s="126" t="s">
        <v>393</v>
      </c>
      <c r="R45" s="126">
        <v>57</v>
      </c>
      <c r="S45" s="126">
        <v>86</v>
      </c>
      <c r="T45" s="126">
        <v>83</v>
      </c>
      <c r="U45" s="126">
        <v>40</v>
      </c>
      <c r="V45" s="13">
        <v>34</v>
      </c>
      <c r="W45" s="13" t="s">
        <v>393</v>
      </c>
      <c r="X45" s="13">
        <v>56</v>
      </c>
      <c r="Y45" s="13">
        <v>56</v>
      </c>
      <c r="Z45" s="13">
        <v>56</v>
      </c>
      <c r="AA45" s="13">
        <v>56</v>
      </c>
      <c r="AB45" s="13">
        <v>56</v>
      </c>
      <c r="AC45" s="13">
        <v>56</v>
      </c>
      <c r="AD45" s="13">
        <v>56</v>
      </c>
      <c r="AE45" s="13">
        <v>61</v>
      </c>
      <c r="AF45" s="13">
        <v>61</v>
      </c>
      <c r="AG45" s="13">
        <v>61</v>
      </c>
      <c r="AH45" s="13">
        <v>61</v>
      </c>
      <c r="AI45" s="13">
        <v>61</v>
      </c>
      <c r="AJ45" s="13">
        <v>61</v>
      </c>
      <c r="AK45" s="13">
        <v>61</v>
      </c>
      <c r="AL45" s="13">
        <v>31</v>
      </c>
      <c r="AM45" s="13">
        <v>31</v>
      </c>
      <c r="AN45" s="13">
        <v>31</v>
      </c>
      <c r="AO45" s="13">
        <v>31</v>
      </c>
      <c r="AP45" s="13">
        <v>31</v>
      </c>
      <c r="AQ45" s="13">
        <v>31</v>
      </c>
      <c r="AR45" s="13">
        <v>31</v>
      </c>
    </row>
    <row r="46" spans="1:44" ht="30.65" customHeight="1" x14ac:dyDescent="0.3">
      <c r="A46" s="164"/>
      <c r="B46" s="48" t="s">
        <v>71</v>
      </c>
      <c r="C46" s="13">
        <v>34</v>
      </c>
      <c r="D46" s="13">
        <v>31</v>
      </c>
      <c r="E46" s="13">
        <v>52</v>
      </c>
      <c r="F46" s="13" t="s">
        <v>393</v>
      </c>
      <c r="G46" s="13">
        <v>43</v>
      </c>
      <c r="H46" s="13" t="s">
        <v>393</v>
      </c>
      <c r="I46" s="13" t="s">
        <v>393</v>
      </c>
      <c r="J46" s="13" t="s">
        <v>393</v>
      </c>
      <c r="K46" s="13" t="s">
        <v>393</v>
      </c>
      <c r="L46" s="126" t="s">
        <v>393</v>
      </c>
      <c r="M46" s="13">
        <v>27</v>
      </c>
      <c r="N46" s="13">
        <v>37</v>
      </c>
      <c r="O46" s="126">
        <v>19</v>
      </c>
      <c r="P46" s="126">
        <v>52</v>
      </c>
      <c r="Q46" s="126" t="s">
        <v>393</v>
      </c>
      <c r="R46" s="126" t="s">
        <v>393</v>
      </c>
      <c r="S46" s="126" t="s">
        <v>393</v>
      </c>
      <c r="T46" s="126" t="s">
        <v>393</v>
      </c>
      <c r="U46" s="126">
        <v>22</v>
      </c>
      <c r="V46" s="13" t="s">
        <v>393</v>
      </c>
      <c r="W46" s="13" t="s">
        <v>393</v>
      </c>
      <c r="X46" s="13">
        <v>11</v>
      </c>
      <c r="Y46" s="13">
        <v>11</v>
      </c>
      <c r="Z46" s="13">
        <v>11</v>
      </c>
      <c r="AA46" s="13">
        <v>11</v>
      </c>
      <c r="AB46" s="13">
        <v>11</v>
      </c>
      <c r="AC46" s="13">
        <v>11</v>
      </c>
      <c r="AD46" s="13">
        <v>11</v>
      </c>
      <c r="AE46" s="13" t="s">
        <v>393</v>
      </c>
      <c r="AF46" s="13" t="s">
        <v>393</v>
      </c>
      <c r="AG46" s="13" t="s">
        <v>393</v>
      </c>
      <c r="AH46" s="13" t="s">
        <v>393</v>
      </c>
      <c r="AI46" s="13" t="s">
        <v>393</v>
      </c>
      <c r="AJ46" s="13" t="s">
        <v>393</v>
      </c>
      <c r="AK46" s="13" t="s">
        <v>393</v>
      </c>
      <c r="AL46" s="13">
        <v>38</v>
      </c>
      <c r="AM46" s="13">
        <v>38</v>
      </c>
      <c r="AN46" s="13">
        <v>38</v>
      </c>
      <c r="AO46" s="13">
        <v>38</v>
      </c>
      <c r="AP46" s="13">
        <v>38</v>
      </c>
      <c r="AQ46" s="13">
        <v>38</v>
      </c>
      <c r="AR46" s="13">
        <v>38</v>
      </c>
    </row>
    <row r="47" spans="1:44" ht="30.65" customHeight="1" x14ac:dyDescent="0.3">
      <c r="A47" s="164"/>
      <c r="B47" s="48" t="s">
        <v>72</v>
      </c>
      <c r="C47" s="13">
        <v>2</v>
      </c>
      <c r="D47" s="13">
        <v>3</v>
      </c>
      <c r="E47" s="13">
        <v>1</v>
      </c>
      <c r="F47" s="13" t="s">
        <v>393</v>
      </c>
      <c r="G47" s="13">
        <v>1</v>
      </c>
      <c r="H47" s="13">
        <v>4</v>
      </c>
      <c r="I47" s="13" t="s">
        <v>393</v>
      </c>
      <c r="J47" s="13">
        <v>1</v>
      </c>
      <c r="K47" s="13" t="s">
        <v>393</v>
      </c>
      <c r="L47" s="126">
        <v>1</v>
      </c>
      <c r="M47" s="13">
        <v>1</v>
      </c>
      <c r="N47" s="13">
        <v>1</v>
      </c>
      <c r="O47" s="126">
        <v>28</v>
      </c>
      <c r="P47" s="126">
        <v>1</v>
      </c>
      <c r="Q47" s="126">
        <v>15</v>
      </c>
      <c r="R47" s="126">
        <v>1</v>
      </c>
      <c r="S47" s="126">
        <v>3</v>
      </c>
      <c r="T47" s="126">
        <v>3</v>
      </c>
      <c r="U47" s="126">
        <v>3</v>
      </c>
      <c r="V47" s="13">
        <v>24</v>
      </c>
      <c r="W47" s="13">
        <v>29</v>
      </c>
      <c r="X47" s="13">
        <v>2</v>
      </c>
      <c r="Y47" s="13">
        <v>2</v>
      </c>
      <c r="Z47" s="13">
        <v>2</v>
      </c>
      <c r="AA47" s="13">
        <v>2</v>
      </c>
      <c r="AB47" s="13">
        <v>2</v>
      </c>
      <c r="AC47" s="13">
        <v>2</v>
      </c>
      <c r="AD47" s="13">
        <v>2</v>
      </c>
      <c r="AE47" s="13">
        <v>2</v>
      </c>
      <c r="AF47" s="13">
        <v>2</v>
      </c>
      <c r="AG47" s="13">
        <v>2</v>
      </c>
      <c r="AH47" s="13">
        <v>2</v>
      </c>
      <c r="AI47" s="13">
        <v>2</v>
      </c>
      <c r="AJ47" s="13">
        <v>2</v>
      </c>
      <c r="AK47" s="13">
        <v>2</v>
      </c>
      <c r="AL47" s="13">
        <v>5</v>
      </c>
      <c r="AM47" s="13">
        <v>5</v>
      </c>
      <c r="AN47" s="13">
        <v>5</v>
      </c>
      <c r="AO47" s="13">
        <v>5</v>
      </c>
      <c r="AP47" s="13">
        <v>5</v>
      </c>
      <c r="AQ47" s="13">
        <v>5</v>
      </c>
      <c r="AR47" s="13">
        <v>5</v>
      </c>
    </row>
    <row r="48" spans="1:44" ht="30.65" customHeight="1" x14ac:dyDescent="0.3">
      <c r="A48" s="164"/>
      <c r="B48" s="48" t="s">
        <v>73</v>
      </c>
      <c r="C48" s="13" t="s">
        <v>393</v>
      </c>
      <c r="D48" s="13">
        <v>25</v>
      </c>
      <c r="E48" s="13" t="s">
        <v>393</v>
      </c>
      <c r="F48" s="13" t="s">
        <v>393</v>
      </c>
      <c r="G48" s="13" t="s">
        <v>393</v>
      </c>
      <c r="H48" s="13" t="s">
        <v>393</v>
      </c>
      <c r="I48" s="13" t="s">
        <v>393</v>
      </c>
      <c r="J48" s="13" t="s">
        <v>393</v>
      </c>
      <c r="K48" s="13" t="s">
        <v>393</v>
      </c>
      <c r="L48" s="126" t="s">
        <v>393</v>
      </c>
      <c r="M48" s="13">
        <v>4</v>
      </c>
      <c r="N48" s="13">
        <v>7</v>
      </c>
      <c r="O48" s="126" t="s">
        <v>393</v>
      </c>
      <c r="P48" s="126" t="s">
        <v>393</v>
      </c>
      <c r="Q48" s="126" t="s">
        <v>393</v>
      </c>
      <c r="R48" s="126">
        <v>22</v>
      </c>
      <c r="S48" s="126">
        <v>2</v>
      </c>
      <c r="T48" s="126" t="s">
        <v>393</v>
      </c>
      <c r="U48" s="126">
        <v>5</v>
      </c>
      <c r="V48" s="13">
        <v>3</v>
      </c>
      <c r="W48" s="13" t="s">
        <v>393</v>
      </c>
      <c r="X48" s="13" t="s">
        <v>393</v>
      </c>
      <c r="Y48" s="13" t="s">
        <v>393</v>
      </c>
      <c r="Z48" s="13" t="s">
        <v>393</v>
      </c>
      <c r="AA48" s="13" t="s">
        <v>393</v>
      </c>
      <c r="AB48" s="13" t="s">
        <v>393</v>
      </c>
      <c r="AC48" s="13" t="s">
        <v>393</v>
      </c>
      <c r="AD48" s="13" t="s">
        <v>393</v>
      </c>
      <c r="AE48" s="13" t="s">
        <v>393</v>
      </c>
      <c r="AF48" s="13" t="s">
        <v>393</v>
      </c>
      <c r="AG48" s="13" t="s">
        <v>393</v>
      </c>
      <c r="AH48" s="13" t="s">
        <v>393</v>
      </c>
      <c r="AI48" s="13" t="s">
        <v>393</v>
      </c>
      <c r="AJ48" s="13" t="s">
        <v>393</v>
      </c>
      <c r="AK48" s="13" t="s">
        <v>393</v>
      </c>
      <c r="AL48" s="13" t="s">
        <v>393</v>
      </c>
      <c r="AM48" s="13" t="s">
        <v>393</v>
      </c>
      <c r="AN48" s="13" t="s">
        <v>393</v>
      </c>
      <c r="AO48" s="13" t="s">
        <v>393</v>
      </c>
      <c r="AP48" s="13" t="s">
        <v>393</v>
      </c>
      <c r="AQ48" s="13" t="s">
        <v>393</v>
      </c>
      <c r="AR48" s="13" t="s">
        <v>393</v>
      </c>
    </row>
    <row r="49" spans="1:44" ht="30.65" customHeight="1" x14ac:dyDescent="0.3">
      <c r="A49" s="164"/>
      <c r="B49" s="48" t="s">
        <v>74</v>
      </c>
      <c r="C49" s="13">
        <v>7</v>
      </c>
      <c r="D49" s="13">
        <v>1</v>
      </c>
      <c r="E49" s="13" t="s">
        <v>393</v>
      </c>
      <c r="F49" s="13">
        <v>3</v>
      </c>
      <c r="G49" s="13" t="s">
        <v>393</v>
      </c>
      <c r="H49" s="13">
        <v>1</v>
      </c>
      <c r="I49" s="13" t="s">
        <v>393</v>
      </c>
      <c r="J49" s="13">
        <v>32</v>
      </c>
      <c r="K49" s="13">
        <v>3</v>
      </c>
      <c r="L49" s="126">
        <v>32</v>
      </c>
      <c r="M49" s="13">
        <v>1</v>
      </c>
      <c r="N49" s="13">
        <v>2</v>
      </c>
      <c r="O49" s="126">
        <v>14</v>
      </c>
      <c r="P49" s="126" t="s">
        <v>393</v>
      </c>
      <c r="Q49" s="126">
        <v>25</v>
      </c>
      <c r="R49" s="126">
        <v>1</v>
      </c>
      <c r="S49" s="126">
        <v>1</v>
      </c>
      <c r="T49" s="126">
        <v>4</v>
      </c>
      <c r="U49" s="126">
        <v>2</v>
      </c>
      <c r="V49" s="13" t="s">
        <v>393</v>
      </c>
      <c r="W49" s="13" t="s">
        <v>393</v>
      </c>
      <c r="X49" s="13">
        <v>1</v>
      </c>
      <c r="Y49" s="13">
        <v>1</v>
      </c>
      <c r="Z49" s="13">
        <v>1</v>
      </c>
      <c r="AA49" s="13">
        <v>1</v>
      </c>
      <c r="AB49" s="13">
        <v>1</v>
      </c>
      <c r="AC49" s="13">
        <v>1</v>
      </c>
      <c r="AD49" s="13">
        <v>1</v>
      </c>
      <c r="AE49" s="13">
        <v>3</v>
      </c>
      <c r="AF49" s="13">
        <v>3</v>
      </c>
      <c r="AG49" s="13">
        <v>3</v>
      </c>
      <c r="AH49" s="13">
        <v>3</v>
      </c>
      <c r="AI49" s="13">
        <v>3</v>
      </c>
      <c r="AJ49" s="13">
        <v>3</v>
      </c>
      <c r="AK49" s="13">
        <v>3</v>
      </c>
      <c r="AL49" s="13">
        <v>5</v>
      </c>
      <c r="AM49" s="13">
        <v>5</v>
      </c>
      <c r="AN49" s="13">
        <v>5</v>
      </c>
      <c r="AO49" s="13">
        <v>5</v>
      </c>
      <c r="AP49" s="13">
        <v>5</v>
      </c>
      <c r="AQ49" s="13">
        <v>5</v>
      </c>
      <c r="AR49" s="13">
        <v>5</v>
      </c>
    </row>
    <row r="50" spans="1:44" ht="30.65" customHeight="1" x14ac:dyDescent="0.3">
      <c r="A50" s="164"/>
      <c r="B50" s="48" t="s">
        <v>75</v>
      </c>
      <c r="C50" s="13">
        <v>3</v>
      </c>
      <c r="D50" s="13" t="s">
        <v>393</v>
      </c>
      <c r="E50" s="13" t="s">
        <v>393</v>
      </c>
      <c r="F50" s="13" t="s">
        <v>393</v>
      </c>
      <c r="G50" s="13" t="s">
        <v>393</v>
      </c>
      <c r="H50" s="13">
        <v>10</v>
      </c>
      <c r="I50" s="13" t="s">
        <v>393</v>
      </c>
      <c r="J50" s="13" t="s">
        <v>393</v>
      </c>
      <c r="K50" s="13" t="s">
        <v>393</v>
      </c>
      <c r="L50" s="126" t="s">
        <v>393</v>
      </c>
      <c r="M50" s="13" t="s">
        <v>393</v>
      </c>
      <c r="N50" s="13" t="s">
        <v>393</v>
      </c>
      <c r="O50" s="126" t="s">
        <v>393</v>
      </c>
      <c r="P50" s="126" t="s">
        <v>393</v>
      </c>
      <c r="Q50" s="126" t="s">
        <v>393</v>
      </c>
      <c r="R50" s="126" t="s">
        <v>393</v>
      </c>
      <c r="S50" s="126" t="s">
        <v>393</v>
      </c>
      <c r="T50" s="126" t="s">
        <v>393</v>
      </c>
      <c r="U50" s="126" t="s">
        <v>393</v>
      </c>
      <c r="V50" s="13" t="s">
        <v>393</v>
      </c>
      <c r="W50" s="13" t="s">
        <v>393</v>
      </c>
      <c r="X50" s="13" t="s">
        <v>393</v>
      </c>
      <c r="Y50" s="13" t="s">
        <v>393</v>
      </c>
      <c r="Z50" s="13" t="s">
        <v>393</v>
      </c>
      <c r="AA50" s="13" t="s">
        <v>393</v>
      </c>
      <c r="AB50" s="13" t="s">
        <v>393</v>
      </c>
      <c r="AC50" s="13" t="s">
        <v>393</v>
      </c>
      <c r="AD50" s="13" t="s">
        <v>393</v>
      </c>
      <c r="AE50" s="13">
        <v>5</v>
      </c>
      <c r="AF50" s="13">
        <v>5</v>
      </c>
      <c r="AG50" s="13">
        <v>5</v>
      </c>
      <c r="AH50" s="13">
        <v>5</v>
      </c>
      <c r="AI50" s="13">
        <v>5</v>
      </c>
      <c r="AJ50" s="13">
        <v>5</v>
      </c>
      <c r="AK50" s="13">
        <v>5</v>
      </c>
      <c r="AL50" s="13" t="s">
        <v>393</v>
      </c>
      <c r="AM50" s="13" t="s">
        <v>393</v>
      </c>
      <c r="AN50" s="13" t="s">
        <v>393</v>
      </c>
      <c r="AO50" s="13" t="s">
        <v>393</v>
      </c>
      <c r="AP50" s="13" t="s">
        <v>393</v>
      </c>
      <c r="AQ50" s="13" t="s">
        <v>393</v>
      </c>
      <c r="AR50" s="13" t="s">
        <v>393</v>
      </c>
    </row>
    <row r="51" spans="1:44" ht="30.65" customHeight="1" x14ac:dyDescent="0.3">
      <c r="A51" s="164"/>
      <c r="B51" s="12" t="s">
        <v>76</v>
      </c>
      <c r="C51" s="13" t="s">
        <v>754</v>
      </c>
      <c r="D51" s="13" t="s">
        <v>407</v>
      </c>
      <c r="E51" s="13" t="s">
        <v>755</v>
      </c>
      <c r="F51" s="13" t="s">
        <v>422</v>
      </c>
      <c r="G51" s="121" t="s">
        <v>448</v>
      </c>
      <c r="H51" s="13" t="s">
        <v>462</v>
      </c>
      <c r="I51" s="13" t="s">
        <v>756</v>
      </c>
      <c r="J51" s="13" t="s">
        <v>374</v>
      </c>
      <c r="K51" s="13" t="s">
        <v>430</v>
      </c>
      <c r="L51" s="13" t="s">
        <v>707</v>
      </c>
      <c r="M51" s="13" t="s">
        <v>422</v>
      </c>
      <c r="N51" s="13" t="s">
        <v>725</v>
      </c>
      <c r="O51" s="126" t="s">
        <v>394</v>
      </c>
      <c r="P51" s="132" t="s">
        <v>757</v>
      </c>
      <c r="Q51" s="126" t="s">
        <v>454</v>
      </c>
      <c r="R51" s="126" t="s">
        <v>483</v>
      </c>
      <c r="S51" s="126" t="s">
        <v>381</v>
      </c>
      <c r="T51" s="126" t="s">
        <v>496</v>
      </c>
      <c r="U51" s="126" t="s">
        <v>381</v>
      </c>
      <c r="V51" s="13" t="s">
        <v>540</v>
      </c>
      <c r="W51" s="13" t="s">
        <v>550</v>
      </c>
      <c r="X51" s="13" t="s">
        <v>565</v>
      </c>
      <c r="Y51" s="13" t="s">
        <v>522</v>
      </c>
      <c r="Z51" s="13" t="s">
        <v>430</v>
      </c>
      <c r="AA51" s="13" t="s">
        <v>571</v>
      </c>
      <c r="AB51" s="13" t="s">
        <v>583</v>
      </c>
      <c r="AC51" s="13" t="s">
        <v>584</v>
      </c>
      <c r="AD51" s="13" t="s">
        <v>600</v>
      </c>
      <c r="AE51" s="13" t="s">
        <v>614</v>
      </c>
      <c r="AF51" s="13" t="s">
        <v>608</v>
      </c>
      <c r="AG51" s="13" t="s">
        <v>608</v>
      </c>
      <c r="AH51" s="13" t="s">
        <v>614</v>
      </c>
      <c r="AI51" s="13" t="s">
        <v>636</v>
      </c>
      <c r="AJ51" s="13" t="s">
        <v>614</v>
      </c>
      <c r="AK51" s="13" t="s">
        <v>636</v>
      </c>
      <c r="AL51" s="13" t="s">
        <v>650</v>
      </c>
      <c r="AM51" s="13" t="s">
        <v>739</v>
      </c>
      <c r="AN51" s="13" t="s">
        <v>662</v>
      </c>
      <c r="AO51" s="13" t="s">
        <v>662</v>
      </c>
      <c r="AP51" s="13" t="s">
        <v>701</v>
      </c>
      <c r="AQ51" s="13" t="s">
        <v>701</v>
      </c>
      <c r="AR51" s="13" t="s">
        <v>540</v>
      </c>
    </row>
    <row r="52" spans="1:44" x14ac:dyDescent="0.3">
      <c r="A52" s="5"/>
      <c r="B52" s="4"/>
      <c r="O52" s="125"/>
      <c r="P52" s="125"/>
      <c r="Q52" s="125"/>
      <c r="R52" s="125"/>
      <c r="S52" s="125"/>
      <c r="T52" s="125"/>
      <c r="U52" s="125"/>
      <c r="AN52" s="125"/>
    </row>
    <row r="53" spans="1:44" ht="42" customHeight="1" x14ac:dyDescent="0.3">
      <c r="A53" s="164" t="s">
        <v>77</v>
      </c>
      <c r="B53" s="20" t="s">
        <v>78</v>
      </c>
      <c r="C53" s="13" t="s">
        <v>33</v>
      </c>
      <c r="D53" s="13" t="s">
        <v>34</v>
      </c>
      <c r="E53" s="13" t="s">
        <v>33</v>
      </c>
      <c r="F53" s="13" t="s">
        <v>34</v>
      </c>
      <c r="G53" s="13" t="s">
        <v>34</v>
      </c>
      <c r="H53" s="13" t="s">
        <v>34</v>
      </c>
      <c r="I53" s="13" t="s">
        <v>34</v>
      </c>
      <c r="J53" s="13" t="s">
        <v>34</v>
      </c>
      <c r="K53" s="13" t="s">
        <v>34</v>
      </c>
      <c r="L53" s="13" t="s">
        <v>34</v>
      </c>
      <c r="M53" s="13" t="s">
        <v>34</v>
      </c>
      <c r="N53" s="13" t="s">
        <v>34</v>
      </c>
      <c r="O53" s="126" t="s">
        <v>34</v>
      </c>
      <c r="P53" s="126" t="s">
        <v>34</v>
      </c>
      <c r="Q53" s="126" t="s">
        <v>34</v>
      </c>
      <c r="R53" s="126" t="s">
        <v>34</v>
      </c>
      <c r="S53" s="126" t="s">
        <v>34</v>
      </c>
      <c r="T53" s="126" t="s">
        <v>34</v>
      </c>
      <c r="U53" s="126" t="s">
        <v>33</v>
      </c>
      <c r="V53" s="13" t="s">
        <v>34</v>
      </c>
      <c r="W53" s="13" t="s">
        <v>34</v>
      </c>
      <c r="X53" s="13" t="s">
        <v>34</v>
      </c>
      <c r="Y53" s="13" t="s">
        <v>34</v>
      </c>
      <c r="Z53" s="13" t="s">
        <v>34</v>
      </c>
      <c r="AA53" s="13" t="s">
        <v>34</v>
      </c>
      <c r="AB53" s="13" t="s">
        <v>34</v>
      </c>
      <c r="AC53" s="13" t="s">
        <v>34</v>
      </c>
      <c r="AD53" s="13" t="s">
        <v>34</v>
      </c>
      <c r="AE53" s="13" t="s">
        <v>34</v>
      </c>
      <c r="AF53" s="13" t="s">
        <v>34</v>
      </c>
      <c r="AG53" s="13" t="s">
        <v>34</v>
      </c>
      <c r="AH53" s="13" t="s">
        <v>34</v>
      </c>
      <c r="AI53" s="13" t="s">
        <v>34</v>
      </c>
      <c r="AJ53" s="13" t="s">
        <v>34</v>
      </c>
      <c r="AK53" s="13" t="s">
        <v>34</v>
      </c>
      <c r="AL53" s="13" t="s">
        <v>34</v>
      </c>
      <c r="AM53" s="13" t="s">
        <v>34</v>
      </c>
      <c r="AN53" s="13" t="s">
        <v>34</v>
      </c>
      <c r="AO53" s="13" t="s">
        <v>34</v>
      </c>
      <c r="AP53" s="13" t="s">
        <v>34</v>
      </c>
      <c r="AQ53" s="13" t="s">
        <v>34</v>
      </c>
      <c r="AR53" s="13" t="s">
        <v>34</v>
      </c>
    </row>
    <row r="54" spans="1:44" ht="42" customHeight="1" x14ac:dyDescent="0.3">
      <c r="A54" s="164"/>
      <c r="B54" s="20" t="s">
        <v>79</v>
      </c>
      <c r="C54" s="118">
        <v>130</v>
      </c>
      <c r="D54" s="118">
        <v>400</v>
      </c>
      <c r="E54" s="118">
        <v>80</v>
      </c>
      <c r="F54" s="118">
        <v>100</v>
      </c>
      <c r="G54" s="118">
        <v>900</v>
      </c>
      <c r="H54" s="118">
        <v>180</v>
      </c>
      <c r="I54" s="118">
        <v>480</v>
      </c>
      <c r="J54" s="118">
        <v>470</v>
      </c>
      <c r="K54" s="123">
        <v>0</v>
      </c>
      <c r="L54" s="118">
        <v>830</v>
      </c>
      <c r="M54" s="118">
        <v>300</v>
      </c>
      <c r="N54" s="118">
        <v>20</v>
      </c>
      <c r="O54" s="124">
        <v>0</v>
      </c>
      <c r="P54" s="124">
        <v>70</v>
      </c>
      <c r="Q54" s="124">
        <v>240</v>
      </c>
      <c r="R54" s="124">
        <v>745</v>
      </c>
      <c r="S54" s="124">
        <v>330</v>
      </c>
      <c r="T54" s="124">
        <v>20</v>
      </c>
      <c r="U54" s="124">
        <v>0</v>
      </c>
      <c r="V54" s="118">
        <v>8.5</v>
      </c>
      <c r="W54" s="118">
        <v>0</v>
      </c>
      <c r="X54" s="118">
        <v>0</v>
      </c>
      <c r="Y54" s="118">
        <v>0</v>
      </c>
      <c r="Z54" s="124">
        <v>0</v>
      </c>
      <c r="AA54" s="118">
        <v>300</v>
      </c>
      <c r="AB54" s="118">
        <v>180</v>
      </c>
      <c r="AC54" s="124">
        <v>0</v>
      </c>
      <c r="AD54" s="118">
        <v>282</v>
      </c>
      <c r="AE54" s="118">
        <v>0</v>
      </c>
      <c r="AF54" s="124">
        <v>0</v>
      </c>
      <c r="AG54" s="124">
        <v>0</v>
      </c>
      <c r="AH54" s="118">
        <v>200</v>
      </c>
      <c r="AI54" s="124">
        <v>0</v>
      </c>
      <c r="AJ54" s="118">
        <v>460</v>
      </c>
      <c r="AK54" s="124">
        <v>0</v>
      </c>
      <c r="AL54" s="118">
        <v>200</v>
      </c>
      <c r="AM54" s="118">
        <v>200</v>
      </c>
      <c r="AN54" s="124">
        <v>0</v>
      </c>
      <c r="AO54" s="124">
        <v>0</v>
      </c>
      <c r="AP54" s="124">
        <v>200</v>
      </c>
      <c r="AQ54" s="124">
        <v>0</v>
      </c>
      <c r="AR54" s="118">
        <v>0</v>
      </c>
    </row>
    <row r="55" spans="1:44" ht="30.65" customHeight="1" x14ac:dyDescent="0.3">
      <c r="A55" s="164"/>
      <c r="B55" s="12" t="s">
        <v>80</v>
      </c>
      <c r="C55" s="13" t="s">
        <v>398</v>
      </c>
      <c r="D55" s="13" t="s">
        <v>399</v>
      </c>
      <c r="E55" s="13" t="s">
        <v>398</v>
      </c>
      <c r="F55" s="13" t="s">
        <v>398</v>
      </c>
      <c r="G55" s="13" t="s">
        <v>82</v>
      </c>
      <c r="H55" s="13" t="s">
        <v>398</v>
      </c>
      <c r="I55" s="13" t="s">
        <v>357</v>
      </c>
      <c r="J55" s="13" t="s">
        <v>401</v>
      </c>
      <c r="K55" s="13" t="s">
        <v>398</v>
      </c>
      <c r="L55" s="13" t="s">
        <v>708</v>
      </c>
      <c r="M55" s="13" t="s">
        <v>83</v>
      </c>
      <c r="N55" s="13" t="s">
        <v>83</v>
      </c>
      <c r="O55" s="126" t="s">
        <v>81</v>
      </c>
      <c r="P55" s="126" t="s">
        <v>398</v>
      </c>
      <c r="Q55" s="126" t="s">
        <v>83</v>
      </c>
      <c r="R55" s="126" t="s">
        <v>353</v>
      </c>
      <c r="S55" s="126" t="s">
        <v>398</v>
      </c>
      <c r="T55" s="126" t="s">
        <v>398</v>
      </c>
      <c r="U55" s="126" t="s">
        <v>400</v>
      </c>
      <c r="V55" s="13" t="s">
        <v>398</v>
      </c>
      <c r="W55" s="13" t="s">
        <v>83</v>
      </c>
      <c r="X55" s="13" t="s">
        <v>523</v>
      </c>
      <c r="Y55" s="13" t="s">
        <v>523</v>
      </c>
      <c r="Z55" s="13" t="s">
        <v>523</v>
      </c>
      <c r="AA55" s="13" t="s">
        <v>523</v>
      </c>
      <c r="AB55" s="13" t="s">
        <v>523</v>
      </c>
      <c r="AC55" s="13" t="s">
        <v>523</v>
      </c>
      <c r="AD55" s="13" t="s">
        <v>523</v>
      </c>
      <c r="AE55" s="13" t="s">
        <v>617</v>
      </c>
      <c r="AF55" s="13" t="s">
        <v>617</v>
      </c>
      <c r="AG55" s="13" t="s">
        <v>617</v>
      </c>
      <c r="AH55" s="13" t="s">
        <v>617</v>
      </c>
      <c r="AI55" s="13" t="s">
        <v>617</v>
      </c>
      <c r="AJ55" s="13" t="s">
        <v>617</v>
      </c>
      <c r="AK55" s="13" t="s">
        <v>617</v>
      </c>
      <c r="AL55" s="13" t="s">
        <v>523</v>
      </c>
      <c r="AM55" s="13" t="s">
        <v>523</v>
      </c>
      <c r="AN55" s="13" t="s">
        <v>523</v>
      </c>
      <c r="AO55" s="13" t="s">
        <v>523</v>
      </c>
      <c r="AP55" s="13" t="s">
        <v>523</v>
      </c>
      <c r="AQ55" s="13" t="s">
        <v>523</v>
      </c>
      <c r="AR55" s="13" t="s">
        <v>523</v>
      </c>
    </row>
    <row r="56" spans="1:44" x14ac:dyDescent="0.3">
      <c r="A56" s="5"/>
      <c r="B56" s="6"/>
      <c r="O56" s="125"/>
      <c r="P56" s="125"/>
      <c r="Q56" s="125"/>
      <c r="R56" s="125"/>
      <c r="S56" s="125"/>
      <c r="T56" s="125"/>
      <c r="U56" s="125"/>
    </row>
    <row r="57" spans="1:44" ht="39.65" customHeight="1" x14ac:dyDescent="0.3">
      <c r="A57" s="164" t="s">
        <v>84</v>
      </c>
      <c r="B57" s="20" t="s">
        <v>85</v>
      </c>
      <c r="C57" s="118">
        <v>26</v>
      </c>
      <c r="D57" s="118">
        <v>90</v>
      </c>
      <c r="E57" s="118">
        <v>8</v>
      </c>
      <c r="F57" s="118">
        <v>20</v>
      </c>
      <c r="G57" s="118">
        <v>67</v>
      </c>
      <c r="H57" s="118">
        <v>18</v>
      </c>
      <c r="I57" s="118">
        <v>47</v>
      </c>
      <c r="J57" s="118">
        <v>27</v>
      </c>
      <c r="K57" s="123">
        <v>33</v>
      </c>
      <c r="L57" s="118">
        <v>27</v>
      </c>
      <c r="M57" s="118">
        <v>24.6</v>
      </c>
      <c r="N57" s="118">
        <v>56</v>
      </c>
      <c r="O57" s="124">
        <v>21</v>
      </c>
      <c r="P57" s="124">
        <v>20</v>
      </c>
      <c r="Q57" s="124">
        <v>20</v>
      </c>
      <c r="R57" s="124">
        <v>57</v>
      </c>
      <c r="S57" s="124">
        <v>25</v>
      </c>
      <c r="T57" s="124">
        <v>7</v>
      </c>
      <c r="U57" s="124">
        <v>20</v>
      </c>
      <c r="V57" s="118">
        <v>33</v>
      </c>
      <c r="W57" s="118">
        <v>20</v>
      </c>
      <c r="X57" s="118">
        <v>18</v>
      </c>
      <c r="Y57" s="118">
        <v>33</v>
      </c>
      <c r="Z57" s="124">
        <v>35</v>
      </c>
      <c r="AA57" s="118">
        <v>27</v>
      </c>
      <c r="AB57" s="118">
        <v>25</v>
      </c>
      <c r="AC57" s="118">
        <v>83</v>
      </c>
      <c r="AD57" s="118">
        <v>30</v>
      </c>
      <c r="AE57" s="118">
        <v>38</v>
      </c>
      <c r="AF57" s="118">
        <v>29.5</v>
      </c>
      <c r="AG57" s="118">
        <v>46</v>
      </c>
      <c r="AH57" s="118">
        <v>31</v>
      </c>
      <c r="AI57" s="118">
        <v>40</v>
      </c>
      <c r="AJ57" s="118">
        <v>50</v>
      </c>
      <c r="AK57" s="118">
        <v>46.5</v>
      </c>
      <c r="AL57" s="118">
        <v>39.5</v>
      </c>
      <c r="AM57" s="118">
        <v>46.5</v>
      </c>
      <c r="AN57" s="118">
        <v>10</v>
      </c>
      <c r="AO57" s="124">
        <v>55</v>
      </c>
      <c r="AP57" s="124">
        <v>65</v>
      </c>
      <c r="AQ57" s="118">
        <v>43</v>
      </c>
      <c r="AR57" s="118">
        <v>46.5</v>
      </c>
    </row>
    <row r="58" spans="1:44" ht="39.65" customHeight="1" x14ac:dyDescent="0.3">
      <c r="A58" s="164"/>
      <c r="B58" s="20" t="s">
        <v>86</v>
      </c>
      <c r="C58" s="13"/>
      <c r="D58" s="13"/>
      <c r="E58" s="13"/>
      <c r="F58" s="13"/>
      <c r="G58" s="13"/>
      <c r="H58" s="13"/>
      <c r="I58" s="13"/>
      <c r="J58" s="13"/>
      <c r="K58" s="13"/>
      <c r="L58" s="13"/>
      <c r="M58" s="13"/>
      <c r="N58" s="13"/>
      <c r="O58" s="126"/>
      <c r="P58" s="126"/>
      <c r="Q58" s="126"/>
      <c r="R58" s="126"/>
      <c r="S58" s="126"/>
      <c r="T58" s="126"/>
      <c r="U58" s="126"/>
      <c r="V58" s="13"/>
      <c r="W58" s="13"/>
      <c r="X58" s="13"/>
      <c r="Y58" s="13"/>
      <c r="Z58" s="13"/>
      <c r="AA58" s="13"/>
      <c r="AB58" s="13"/>
      <c r="AC58" s="13"/>
      <c r="AD58" s="13"/>
      <c r="AE58" s="13"/>
      <c r="AF58" s="13"/>
      <c r="AG58" s="13"/>
      <c r="AH58" s="13"/>
      <c r="AI58" s="13"/>
      <c r="AJ58" s="13"/>
      <c r="AK58" s="13"/>
      <c r="AL58" s="13"/>
      <c r="AM58" s="13"/>
      <c r="AN58" s="13"/>
      <c r="AO58" s="13"/>
      <c r="AP58" s="13"/>
      <c r="AQ58" s="13"/>
      <c r="AR58" s="13"/>
    </row>
    <row r="59" spans="1:44" ht="39.65" customHeight="1" x14ac:dyDescent="0.3">
      <c r="A59" s="164"/>
      <c r="B59" s="49" t="s">
        <v>87</v>
      </c>
      <c r="C59" s="13" t="s">
        <v>33</v>
      </c>
      <c r="D59" s="13" t="s">
        <v>34</v>
      </c>
      <c r="E59" s="13" t="s">
        <v>33</v>
      </c>
      <c r="F59" s="13" t="s">
        <v>33</v>
      </c>
      <c r="G59" s="13" t="s">
        <v>34</v>
      </c>
      <c r="H59" s="13" t="s">
        <v>33</v>
      </c>
      <c r="I59" s="13" t="s">
        <v>34</v>
      </c>
      <c r="J59" s="13" t="s">
        <v>33</v>
      </c>
      <c r="K59" s="13" t="s">
        <v>33</v>
      </c>
      <c r="L59" s="13" t="s">
        <v>33</v>
      </c>
      <c r="M59" s="13" t="s">
        <v>34</v>
      </c>
      <c r="N59" s="13" t="s">
        <v>34</v>
      </c>
      <c r="O59" s="126" t="s">
        <v>33</v>
      </c>
      <c r="P59" s="126" t="s">
        <v>33</v>
      </c>
      <c r="Q59" s="126" t="s">
        <v>33</v>
      </c>
      <c r="R59" s="126" t="s">
        <v>34</v>
      </c>
      <c r="S59" s="126" t="s">
        <v>34</v>
      </c>
      <c r="T59" s="126" t="s">
        <v>33</v>
      </c>
      <c r="U59" s="126" t="s">
        <v>33</v>
      </c>
      <c r="V59" s="13" t="s">
        <v>33</v>
      </c>
      <c r="W59" s="13" t="s">
        <v>33</v>
      </c>
      <c r="X59" s="13" t="s">
        <v>33</v>
      </c>
      <c r="Y59" s="13" t="s">
        <v>34</v>
      </c>
      <c r="Z59" s="13" t="s">
        <v>34</v>
      </c>
      <c r="AA59" s="13" t="s">
        <v>34</v>
      </c>
      <c r="AB59" s="13" t="s">
        <v>33</v>
      </c>
      <c r="AC59" s="13" t="s">
        <v>33</v>
      </c>
      <c r="AD59" s="13" t="s">
        <v>34</v>
      </c>
      <c r="AE59" s="13" t="s">
        <v>33</v>
      </c>
      <c r="AF59" s="13" t="s">
        <v>33</v>
      </c>
      <c r="AG59" s="13" t="s">
        <v>34</v>
      </c>
      <c r="AH59" s="13" t="s">
        <v>33</v>
      </c>
      <c r="AI59" s="13" t="s">
        <v>33</v>
      </c>
      <c r="AJ59" s="13" t="s">
        <v>33</v>
      </c>
      <c r="AK59" s="13" t="s">
        <v>33</v>
      </c>
      <c r="AL59" s="13" t="s">
        <v>33</v>
      </c>
      <c r="AM59" s="13" t="s">
        <v>34</v>
      </c>
      <c r="AN59" s="13" t="s">
        <v>34</v>
      </c>
      <c r="AO59" s="13" t="s">
        <v>33</v>
      </c>
      <c r="AP59" s="13" t="s">
        <v>34</v>
      </c>
      <c r="AQ59" s="13" t="s">
        <v>34</v>
      </c>
      <c r="AR59" s="13" t="s">
        <v>34</v>
      </c>
    </row>
    <row r="60" spans="1:44" ht="39.65" customHeight="1" x14ac:dyDescent="0.3">
      <c r="A60" s="164"/>
      <c r="B60" s="49" t="s">
        <v>88</v>
      </c>
      <c r="C60" s="13" t="s">
        <v>33</v>
      </c>
      <c r="D60" s="13" t="s">
        <v>34</v>
      </c>
      <c r="E60" s="13" t="s">
        <v>33</v>
      </c>
      <c r="F60" s="13" t="s">
        <v>33</v>
      </c>
      <c r="G60" s="13" t="s">
        <v>34</v>
      </c>
      <c r="H60" s="13" t="s">
        <v>34</v>
      </c>
      <c r="I60" s="13" t="s">
        <v>34</v>
      </c>
      <c r="J60" s="13" t="s">
        <v>34</v>
      </c>
      <c r="K60" s="13" t="s">
        <v>33</v>
      </c>
      <c r="L60" s="13" t="s">
        <v>34</v>
      </c>
      <c r="M60" s="13" t="s">
        <v>34</v>
      </c>
      <c r="N60" s="13" t="s">
        <v>34</v>
      </c>
      <c r="O60" s="126" t="s">
        <v>33</v>
      </c>
      <c r="P60" s="126" t="s">
        <v>33</v>
      </c>
      <c r="Q60" s="126" t="s">
        <v>33</v>
      </c>
      <c r="R60" s="126" t="s">
        <v>34</v>
      </c>
      <c r="S60" s="126" t="s">
        <v>34</v>
      </c>
      <c r="T60" s="126" t="s">
        <v>33</v>
      </c>
      <c r="U60" s="126" t="s">
        <v>33</v>
      </c>
      <c r="V60" s="13" t="s">
        <v>33</v>
      </c>
      <c r="W60" s="13" t="s">
        <v>33</v>
      </c>
      <c r="X60" s="13" t="s">
        <v>34</v>
      </c>
      <c r="Y60" s="13" t="s">
        <v>34</v>
      </c>
      <c r="Z60" s="13" t="s">
        <v>34</v>
      </c>
      <c r="AA60" s="13" t="s">
        <v>34</v>
      </c>
      <c r="AB60" s="13" t="s">
        <v>33</v>
      </c>
      <c r="AC60" s="13" t="s">
        <v>33</v>
      </c>
      <c r="AD60" s="13" t="s">
        <v>33</v>
      </c>
      <c r="AE60" s="13" t="s">
        <v>33</v>
      </c>
      <c r="AF60" s="13" t="s">
        <v>34</v>
      </c>
      <c r="AG60" s="13" t="s">
        <v>34</v>
      </c>
      <c r="AH60" s="13" t="s">
        <v>34</v>
      </c>
      <c r="AI60" s="13" t="s">
        <v>33</v>
      </c>
      <c r="AJ60" s="13" t="s">
        <v>33</v>
      </c>
      <c r="AK60" s="13" t="s">
        <v>33</v>
      </c>
      <c r="AL60" s="13" t="s">
        <v>34</v>
      </c>
      <c r="AM60" s="13" t="s">
        <v>34</v>
      </c>
      <c r="AN60" s="13" t="s">
        <v>34</v>
      </c>
      <c r="AO60" s="13" t="s">
        <v>33</v>
      </c>
      <c r="AP60" s="13" t="s">
        <v>34</v>
      </c>
      <c r="AQ60" s="13" t="s">
        <v>34</v>
      </c>
      <c r="AR60" s="13" t="s">
        <v>34</v>
      </c>
    </row>
    <row r="61" spans="1:44" ht="39.65" customHeight="1" x14ac:dyDescent="0.3">
      <c r="A61" s="164"/>
      <c r="B61" s="49" t="s">
        <v>89</v>
      </c>
      <c r="C61" s="13" t="s">
        <v>33</v>
      </c>
      <c r="D61" s="13" t="s">
        <v>34</v>
      </c>
      <c r="E61" s="13" t="s">
        <v>33</v>
      </c>
      <c r="F61" s="13" t="s">
        <v>33</v>
      </c>
      <c r="G61" s="13" t="s">
        <v>34</v>
      </c>
      <c r="H61" s="13" t="s">
        <v>33</v>
      </c>
      <c r="I61" s="13" t="s">
        <v>34</v>
      </c>
      <c r="J61" s="13" t="s">
        <v>34</v>
      </c>
      <c r="K61" s="13" t="s">
        <v>33</v>
      </c>
      <c r="L61" s="13" t="s">
        <v>33</v>
      </c>
      <c r="M61" s="13" t="s">
        <v>34</v>
      </c>
      <c r="N61" s="13" t="s">
        <v>33</v>
      </c>
      <c r="O61" s="126" t="s">
        <v>33</v>
      </c>
      <c r="P61" s="126" t="s">
        <v>90</v>
      </c>
      <c r="Q61" s="126" t="s">
        <v>33</v>
      </c>
      <c r="R61" s="126" t="s">
        <v>34</v>
      </c>
      <c r="S61" s="126" t="s">
        <v>34</v>
      </c>
      <c r="T61" s="126" t="s">
        <v>33</v>
      </c>
      <c r="U61" s="126" t="s">
        <v>33</v>
      </c>
      <c r="V61" s="13" t="s">
        <v>33</v>
      </c>
      <c r="W61" s="13" t="s">
        <v>33</v>
      </c>
      <c r="X61" s="13" t="s">
        <v>33</v>
      </c>
      <c r="Y61" s="13" t="s">
        <v>33</v>
      </c>
      <c r="Z61" s="13" t="s">
        <v>34</v>
      </c>
      <c r="AA61" s="13" t="s">
        <v>34</v>
      </c>
      <c r="AB61" s="13" t="s">
        <v>33</v>
      </c>
      <c r="AC61" s="13" t="s">
        <v>33</v>
      </c>
      <c r="AD61" s="13" t="s">
        <v>33</v>
      </c>
      <c r="AE61" s="13" t="s">
        <v>33</v>
      </c>
      <c r="AF61" s="13" t="s">
        <v>33</v>
      </c>
      <c r="AG61" s="13" t="s">
        <v>33</v>
      </c>
      <c r="AH61" s="13" t="s">
        <v>33</v>
      </c>
      <c r="AI61" s="13" t="s">
        <v>33</v>
      </c>
      <c r="AJ61" s="13" t="s">
        <v>33</v>
      </c>
      <c r="AK61" s="13" t="s">
        <v>33</v>
      </c>
      <c r="AL61" s="13" t="s">
        <v>33</v>
      </c>
      <c r="AM61" s="13" t="s">
        <v>34</v>
      </c>
      <c r="AN61" s="13" t="s">
        <v>33</v>
      </c>
      <c r="AO61" s="13" t="s">
        <v>34</v>
      </c>
      <c r="AP61" s="13" t="s">
        <v>34</v>
      </c>
      <c r="AQ61" s="13" t="s">
        <v>34</v>
      </c>
      <c r="AR61" s="13" t="s">
        <v>34</v>
      </c>
    </row>
    <row r="62" spans="1:44" ht="39.65" customHeight="1" x14ac:dyDescent="0.3">
      <c r="A62" s="164"/>
      <c r="B62" s="49" t="s">
        <v>91</v>
      </c>
      <c r="C62" s="13" t="s">
        <v>33</v>
      </c>
      <c r="D62" s="13" t="s">
        <v>34</v>
      </c>
      <c r="E62" s="13" t="s">
        <v>34</v>
      </c>
      <c r="F62" s="13" t="s">
        <v>33</v>
      </c>
      <c r="G62" s="13" t="s">
        <v>34</v>
      </c>
      <c r="H62" s="13" t="s">
        <v>33</v>
      </c>
      <c r="I62" s="13" t="s">
        <v>34</v>
      </c>
      <c r="J62" s="13" t="s">
        <v>34</v>
      </c>
      <c r="K62" s="13" t="s">
        <v>34</v>
      </c>
      <c r="L62" s="13" t="s">
        <v>34</v>
      </c>
      <c r="M62" s="13" t="s">
        <v>34</v>
      </c>
      <c r="N62" s="13" t="s">
        <v>33</v>
      </c>
      <c r="O62" s="126" t="s">
        <v>33</v>
      </c>
      <c r="P62" s="126" t="s">
        <v>33</v>
      </c>
      <c r="Q62" s="126" t="s">
        <v>33</v>
      </c>
      <c r="R62" s="126" t="s">
        <v>34</v>
      </c>
      <c r="S62" s="126" t="s">
        <v>34</v>
      </c>
      <c r="T62" s="126" t="s">
        <v>33</v>
      </c>
      <c r="U62" s="126" t="s">
        <v>33</v>
      </c>
      <c r="V62" s="13" t="s">
        <v>34</v>
      </c>
      <c r="W62" s="13" t="s">
        <v>33</v>
      </c>
      <c r="X62" s="13" t="s">
        <v>34</v>
      </c>
      <c r="Y62" s="13" t="s">
        <v>34</v>
      </c>
      <c r="Z62" s="13" t="s">
        <v>34</v>
      </c>
      <c r="AA62" s="13" t="s">
        <v>34</v>
      </c>
      <c r="AB62" s="13" t="s">
        <v>33</v>
      </c>
      <c r="AC62" s="13" t="s">
        <v>33</v>
      </c>
      <c r="AD62" s="13" t="s">
        <v>34</v>
      </c>
      <c r="AE62" s="13" t="s">
        <v>34</v>
      </c>
      <c r="AF62" s="13" t="s">
        <v>34</v>
      </c>
      <c r="AG62" s="13" t="s">
        <v>34</v>
      </c>
      <c r="AH62" s="13" t="s">
        <v>34</v>
      </c>
      <c r="AI62" s="13" t="s">
        <v>33</v>
      </c>
      <c r="AJ62" s="13" t="s">
        <v>33</v>
      </c>
      <c r="AK62" s="13" t="s">
        <v>33</v>
      </c>
      <c r="AL62" s="13" t="s">
        <v>34</v>
      </c>
      <c r="AM62" s="13" t="s">
        <v>34</v>
      </c>
      <c r="AN62" s="13" t="s">
        <v>33</v>
      </c>
      <c r="AO62" s="13" t="s">
        <v>34</v>
      </c>
      <c r="AP62" s="13" t="s">
        <v>34</v>
      </c>
      <c r="AQ62" s="13" t="s">
        <v>34</v>
      </c>
      <c r="AR62" s="13" t="s">
        <v>34</v>
      </c>
    </row>
    <row r="63" spans="1:44" ht="39.65" customHeight="1" x14ac:dyDescent="0.3">
      <c r="A63" s="164"/>
      <c r="B63" s="49" t="s">
        <v>92</v>
      </c>
      <c r="C63" s="13" t="s">
        <v>33</v>
      </c>
      <c r="D63" s="13" t="s">
        <v>34</v>
      </c>
      <c r="E63" s="13" t="s">
        <v>33</v>
      </c>
      <c r="F63" s="13" t="s">
        <v>33</v>
      </c>
      <c r="G63" s="13" t="s">
        <v>34</v>
      </c>
      <c r="H63" s="13" t="s">
        <v>33</v>
      </c>
      <c r="I63" s="13" t="s">
        <v>34</v>
      </c>
      <c r="J63" s="13" t="s">
        <v>34</v>
      </c>
      <c r="K63" s="13" t="s">
        <v>33</v>
      </c>
      <c r="L63" s="13" t="s">
        <v>34</v>
      </c>
      <c r="M63" s="13" t="s">
        <v>34</v>
      </c>
      <c r="N63" s="13" t="s">
        <v>33</v>
      </c>
      <c r="O63" s="126" t="s">
        <v>33</v>
      </c>
      <c r="P63" s="126" t="s">
        <v>34</v>
      </c>
      <c r="Q63" s="126" t="s">
        <v>33</v>
      </c>
      <c r="R63" s="126" t="s">
        <v>34</v>
      </c>
      <c r="S63" s="126" t="s">
        <v>34</v>
      </c>
      <c r="T63" s="126" t="s">
        <v>33</v>
      </c>
      <c r="U63" s="126" t="s">
        <v>34</v>
      </c>
      <c r="V63" s="13" t="s">
        <v>34</v>
      </c>
      <c r="W63" s="13" t="s">
        <v>33</v>
      </c>
      <c r="X63" s="13" t="s">
        <v>33</v>
      </c>
      <c r="Y63" s="13" t="s">
        <v>34</v>
      </c>
      <c r="Z63" s="13" t="s">
        <v>34</v>
      </c>
      <c r="AA63" s="13" t="s">
        <v>34</v>
      </c>
      <c r="AB63" s="13" t="s">
        <v>33</v>
      </c>
      <c r="AC63" s="13" t="s">
        <v>33</v>
      </c>
      <c r="AD63" s="13" t="s">
        <v>34</v>
      </c>
      <c r="AE63" s="13" t="s">
        <v>34</v>
      </c>
      <c r="AF63" s="13" t="s">
        <v>33</v>
      </c>
      <c r="AG63" s="13" t="s">
        <v>33</v>
      </c>
      <c r="AH63" s="13" t="s">
        <v>33</v>
      </c>
      <c r="AI63" s="13" t="s">
        <v>33</v>
      </c>
      <c r="AJ63" s="13" t="s">
        <v>33</v>
      </c>
      <c r="AK63" s="13" t="s">
        <v>33</v>
      </c>
      <c r="AL63" s="13" t="s">
        <v>34</v>
      </c>
      <c r="AM63" s="13" t="s">
        <v>34</v>
      </c>
      <c r="AN63" s="13" t="s">
        <v>33</v>
      </c>
      <c r="AO63" s="13" t="s">
        <v>34</v>
      </c>
      <c r="AP63" s="13" t="s">
        <v>34</v>
      </c>
      <c r="AQ63" s="13" t="s">
        <v>34</v>
      </c>
      <c r="AR63" s="13" t="s">
        <v>34</v>
      </c>
    </row>
    <row r="64" spans="1:44" ht="39.65" customHeight="1" x14ac:dyDescent="0.3">
      <c r="A64" s="164"/>
      <c r="B64" s="49" t="s">
        <v>93</v>
      </c>
      <c r="C64" s="13" t="s">
        <v>34</v>
      </c>
      <c r="D64" s="13" t="s">
        <v>34</v>
      </c>
      <c r="E64" s="13" t="s">
        <v>34</v>
      </c>
      <c r="F64" s="13" t="s">
        <v>34</v>
      </c>
      <c r="G64" s="13" t="s">
        <v>34</v>
      </c>
      <c r="H64" s="13" t="s">
        <v>34</v>
      </c>
      <c r="I64" s="13" t="s">
        <v>34</v>
      </c>
      <c r="J64" s="13" t="s">
        <v>34</v>
      </c>
      <c r="K64" s="13" t="s">
        <v>34</v>
      </c>
      <c r="L64" s="13" t="s">
        <v>34</v>
      </c>
      <c r="M64" s="13" t="s">
        <v>34</v>
      </c>
      <c r="N64" s="13" t="s">
        <v>33</v>
      </c>
      <c r="O64" s="126" t="s">
        <v>33</v>
      </c>
      <c r="P64" s="126" t="s">
        <v>33</v>
      </c>
      <c r="Q64" s="126" t="s">
        <v>33</v>
      </c>
      <c r="R64" s="126" t="s">
        <v>34</v>
      </c>
      <c r="S64" s="126" t="s">
        <v>34</v>
      </c>
      <c r="T64" s="126" t="s">
        <v>33</v>
      </c>
      <c r="U64" s="126" t="s">
        <v>34</v>
      </c>
      <c r="V64" s="13" t="s">
        <v>34</v>
      </c>
      <c r="W64" s="13" t="s">
        <v>33</v>
      </c>
      <c r="X64" s="13" t="s">
        <v>33</v>
      </c>
      <c r="Y64" s="13" t="s">
        <v>34</v>
      </c>
      <c r="Z64" s="13" t="s">
        <v>34</v>
      </c>
      <c r="AA64" s="13" t="s">
        <v>34</v>
      </c>
      <c r="AB64" s="13" t="s">
        <v>33</v>
      </c>
      <c r="AC64" s="13" t="s">
        <v>33</v>
      </c>
      <c r="AD64" s="13" t="s">
        <v>34</v>
      </c>
      <c r="AE64" s="13" t="s">
        <v>34</v>
      </c>
      <c r="AF64" s="13" t="s">
        <v>33</v>
      </c>
      <c r="AG64" s="13" t="s">
        <v>34</v>
      </c>
      <c r="AH64" s="13" t="s">
        <v>33</v>
      </c>
      <c r="AI64" s="13" t="s">
        <v>33</v>
      </c>
      <c r="AJ64" s="13" t="s">
        <v>33</v>
      </c>
      <c r="AK64" s="13" t="s">
        <v>34</v>
      </c>
      <c r="AL64" s="13" t="s">
        <v>34</v>
      </c>
      <c r="AM64" s="13" t="s">
        <v>34</v>
      </c>
      <c r="AN64" s="13" t="s">
        <v>34</v>
      </c>
      <c r="AO64" s="13" t="s">
        <v>33</v>
      </c>
      <c r="AP64" s="13" t="s">
        <v>34</v>
      </c>
      <c r="AQ64" s="13" t="s">
        <v>34</v>
      </c>
      <c r="AR64" s="13" t="s">
        <v>34</v>
      </c>
    </row>
    <row r="65" spans="1:44" ht="39.65" customHeight="1" x14ac:dyDescent="0.3">
      <c r="A65" s="164"/>
      <c r="B65" s="49" t="s">
        <v>94</v>
      </c>
      <c r="C65" s="13" t="s">
        <v>33</v>
      </c>
      <c r="D65" s="13" t="s">
        <v>34</v>
      </c>
      <c r="E65" s="13" t="s">
        <v>33</v>
      </c>
      <c r="F65" s="13" t="s">
        <v>33</v>
      </c>
      <c r="G65" s="13" t="s">
        <v>34</v>
      </c>
      <c r="H65" s="13" t="s">
        <v>34</v>
      </c>
      <c r="I65" s="13" t="s">
        <v>34</v>
      </c>
      <c r="J65" s="13" t="s">
        <v>34</v>
      </c>
      <c r="K65" s="13" t="s">
        <v>33</v>
      </c>
      <c r="L65" s="13" t="s">
        <v>34</v>
      </c>
      <c r="M65" s="13" t="s">
        <v>34</v>
      </c>
      <c r="N65" s="13" t="s">
        <v>34</v>
      </c>
      <c r="O65" s="126" t="s">
        <v>33</v>
      </c>
      <c r="P65" s="126" t="s">
        <v>33</v>
      </c>
      <c r="Q65" s="126" t="s">
        <v>33</v>
      </c>
      <c r="R65" s="126" t="s">
        <v>34</v>
      </c>
      <c r="S65" s="126" t="s">
        <v>33</v>
      </c>
      <c r="T65" s="126" t="s">
        <v>33</v>
      </c>
      <c r="U65" s="126" t="s">
        <v>34</v>
      </c>
      <c r="V65" s="13" t="s">
        <v>34</v>
      </c>
      <c r="W65" s="13" t="s">
        <v>33</v>
      </c>
      <c r="X65" s="13" t="s">
        <v>33</v>
      </c>
      <c r="Y65" s="13" t="s">
        <v>34</v>
      </c>
      <c r="Z65" s="13" t="s">
        <v>34</v>
      </c>
      <c r="AA65" s="13" t="s">
        <v>34</v>
      </c>
      <c r="AB65" s="13" t="s">
        <v>33</v>
      </c>
      <c r="AC65" s="13" t="s">
        <v>33</v>
      </c>
      <c r="AD65" s="13" t="s">
        <v>34</v>
      </c>
      <c r="AE65" s="13" t="s">
        <v>34</v>
      </c>
      <c r="AF65" s="13" t="s">
        <v>34</v>
      </c>
      <c r="AG65" s="13" t="s">
        <v>33</v>
      </c>
      <c r="AH65" s="13" t="s">
        <v>34</v>
      </c>
      <c r="AI65" s="13" t="s">
        <v>33</v>
      </c>
      <c r="AJ65" s="13" t="s">
        <v>33</v>
      </c>
      <c r="AK65" s="13" t="s">
        <v>33</v>
      </c>
      <c r="AL65" s="13" t="s">
        <v>34</v>
      </c>
      <c r="AM65" s="13" t="s">
        <v>34</v>
      </c>
      <c r="AN65" s="13" t="s">
        <v>34</v>
      </c>
      <c r="AO65" s="13" t="s">
        <v>33</v>
      </c>
      <c r="AP65" s="13" t="s">
        <v>34</v>
      </c>
      <c r="AQ65" s="13" t="s">
        <v>34</v>
      </c>
      <c r="AR65" s="13" t="s">
        <v>34</v>
      </c>
    </row>
    <row r="66" spans="1:44" ht="39.65" customHeight="1" x14ac:dyDescent="0.3">
      <c r="A66" s="164"/>
      <c r="B66" s="49" t="s">
        <v>95</v>
      </c>
      <c r="C66" s="13" t="s">
        <v>33</v>
      </c>
      <c r="D66" s="13" t="s">
        <v>34</v>
      </c>
      <c r="E66" s="13" t="s">
        <v>33</v>
      </c>
      <c r="F66" s="13" t="s">
        <v>33</v>
      </c>
      <c r="G66" s="13" t="s">
        <v>34</v>
      </c>
      <c r="H66" s="13" t="s">
        <v>34</v>
      </c>
      <c r="I66" s="13" t="s">
        <v>34</v>
      </c>
      <c r="J66" s="13" t="s">
        <v>34</v>
      </c>
      <c r="K66" s="13" t="s">
        <v>34</v>
      </c>
      <c r="L66" s="13" t="s">
        <v>34</v>
      </c>
      <c r="M66" s="13" t="s">
        <v>34</v>
      </c>
      <c r="N66" s="13" t="s">
        <v>34</v>
      </c>
      <c r="O66" s="126" t="s">
        <v>33</v>
      </c>
      <c r="P66" s="126" t="s">
        <v>33</v>
      </c>
      <c r="Q66" s="126" t="s">
        <v>33</v>
      </c>
      <c r="R66" s="126" t="s">
        <v>34</v>
      </c>
      <c r="S66" s="126" t="s">
        <v>33</v>
      </c>
      <c r="T66" s="126" t="s">
        <v>34</v>
      </c>
      <c r="U66" s="126" t="s">
        <v>33</v>
      </c>
      <c r="V66" s="13" t="s">
        <v>34</v>
      </c>
      <c r="W66" s="13" t="s">
        <v>33</v>
      </c>
      <c r="X66" s="13" t="s">
        <v>34</v>
      </c>
      <c r="Y66" s="13" t="s">
        <v>34</v>
      </c>
      <c r="Z66" s="13" t="s">
        <v>34</v>
      </c>
      <c r="AA66" s="13" t="s">
        <v>34</v>
      </c>
      <c r="AB66" s="13" t="s">
        <v>33</v>
      </c>
      <c r="AC66" s="13" t="s">
        <v>33</v>
      </c>
      <c r="AD66" s="13" t="s">
        <v>34</v>
      </c>
      <c r="AE66" s="13" t="s">
        <v>34</v>
      </c>
      <c r="AF66" s="13" t="s">
        <v>33</v>
      </c>
      <c r="AG66" s="13" t="s">
        <v>34</v>
      </c>
      <c r="AH66" s="13" t="s">
        <v>33</v>
      </c>
      <c r="AI66" s="13" t="s">
        <v>33</v>
      </c>
      <c r="AJ66" s="13" t="s">
        <v>33</v>
      </c>
      <c r="AK66" s="13" t="s">
        <v>34</v>
      </c>
      <c r="AL66" s="13" t="s">
        <v>34</v>
      </c>
      <c r="AM66" s="13" t="s">
        <v>34</v>
      </c>
      <c r="AN66" s="13" t="s">
        <v>33</v>
      </c>
      <c r="AO66" s="13" t="s">
        <v>34</v>
      </c>
      <c r="AP66" s="13" t="s">
        <v>34</v>
      </c>
      <c r="AQ66" s="13" t="s">
        <v>34</v>
      </c>
      <c r="AR66" s="13" t="s">
        <v>34</v>
      </c>
    </row>
    <row r="67" spans="1:44" ht="39.65" customHeight="1" x14ac:dyDescent="0.3">
      <c r="A67" s="164"/>
      <c r="B67" s="20" t="s">
        <v>96</v>
      </c>
      <c r="C67" s="13" t="s">
        <v>402</v>
      </c>
      <c r="D67" s="13" t="s">
        <v>408</v>
      </c>
      <c r="E67" s="13" t="s">
        <v>414</v>
      </c>
      <c r="F67" s="13" t="s">
        <v>432</v>
      </c>
      <c r="G67" s="13" t="s">
        <v>408</v>
      </c>
      <c r="H67" s="13" t="s">
        <v>463</v>
      </c>
      <c r="I67" s="13" t="s">
        <v>517</v>
      </c>
      <c r="J67" s="13" t="s">
        <v>516</v>
      </c>
      <c r="K67" s="13" t="s">
        <v>431</v>
      </c>
      <c r="L67" s="13" t="s">
        <v>516</v>
      </c>
      <c r="M67" s="13" t="s">
        <v>718</v>
      </c>
      <c r="N67" s="13" t="s">
        <v>726</v>
      </c>
      <c r="O67" s="126" t="s">
        <v>388</v>
      </c>
      <c r="P67" s="126" t="s">
        <v>439</v>
      </c>
      <c r="Q67" s="126" t="s">
        <v>439</v>
      </c>
      <c r="R67" s="126" t="s">
        <v>512</v>
      </c>
      <c r="S67" s="126" t="s">
        <v>495</v>
      </c>
      <c r="T67" s="126" t="s">
        <v>408</v>
      </c>
      <c r="U67" s="126" t="s">
        <v>515</v>
      </c>
      <c r="V67" s="13" t="s">
        <v>709</v>
      </c>
      <c r="W67" s="13" t="s">
        <v>516</v>
      </c>
      <c r="X67" s="13" t="s">
        <v>716</v>
      </c>
      <c r="Y67" s="13" t="s">
        <v>524</v>
      </c>
      <c r="Z67" s="13" t="s">
        <v>551</v>
      </c>
      <c r="AA67" s="13" t="s">
        <v>516</v>
      </c>
      <c r="AB67" s="13" t="s">
        <v>710</v>
      </c>
      <c r="AC67" s="13" t="s">
        <v>408</v>
      </c>
      <c r="AD67" s="13" t="s">
        <v>717</v>
      </c>
      <c r="AE67" s="13" t="s">
        <v>408</v>
      </c>
      <c r="AF67" s="13" t="s">
        <v>408</v>
      </c>
      <c r="AG67" s="13" t="s">
        <v>516</v>
      </c>
      <c r="AH67" s="13" t="s">
        <v>551</v>
      </c>
      <c r="AI67" s="13" t="s">
        <v>414</v>
      </c>
      <c r="AJ67" s="13" t="s">
        <v>655</v>
      </c>
      <c r="AK67" s="13" t="s">
        <v>516</v>
      </c>
      <c r="AL67" s="13" t="s">
        <v>408</v>
      </c>
      <c r="AM67" s="13" t="s">
        <v>752</v>
      </c>
      <c r="AN67" s="13" t="s">
        <v>517</v>
      </c>
      <c r="AO67" s="13" t="s">
        <v>408</v>
      </c>
      <c r="AP67" s="13" t="s">
        <v>702</v>
      </c>
      <c r="AQ67" s="13" t="s">
        <v>751</v>
      </c>
      <c r="AR67" s="13" t="s">
        <v>750</v>
      </c>
    </row>
    <row r="68" spans="1:44" ht="39.65" customHeight="1" x14ac:dyDescent="0.3">
      <c r="A68" s="164"/>
      <c r="B68" s="49" t="s">
        <v>97</v>
      </c>
      <c r="C68" s="13" t="s">
        <v>34</v>
      </c>
      <c r="D68" s="13" t="s">
        <v>33</v>
      </c>
      <c r="E68" s="13" t="s">
        <v>34</v>
      </c>
      <c r="F68" s="13" t="s">
        <v>34</v>
      </c>
      <c r="G68" s="13" t="s">
        <v>33</v>
      </c>
      <c r="H68" s="13" t="s">
        <v>34</v>
      </c>
      <c r="I68" s="13" t="s">
        <v>34</v>
      </c>
      <c r="J68" s="13" t="s">
        <v>34</v>
      </c>
      <c r="K68" s="13" t="s">
        <v>34</v>
      </c>
      <c r="L68" s="13" t="s">
        <v>34</v>
      </c>
      <c r="M68" s="13" t="s">
        <v>34</v>
      </c>
      <c r="N68" s="13" t="s">
        <v>33</v>
      </c>
      <c r="O68" s="13" t="s">
        <v>34</v>
      </c>
      <c r="P68" s="13" t="s">
        <v>33</v>
      </c>
      <c r="Q68" s="126" t="s">
        <v>34</v>
      </c>
      <c r="R68" s="13" t="s">
        <v>33</v>
      </c>
      <c r="S68" s="126" t="s">
        <v>34</v>
      </c>
      <c r="T68" s="126" t="s">
        <v>34</v>
      </c>
      <c r="U68" s="13" t="s">
        <v>33</v>
      </c>
      <c r="V68" s="13" t="s">
        <v>34</v>
      </c>
      <c r="W68" s="13" t="s">
        <v>33</v>
      </c>
      <c r="X68" s="13" t="s">
        <v>33</v>
      </c>
      <c r="Y68" s="13" t="s">
        <v>33</v>
      </c>
      <c r="Z68" s="13" t="s">
        <v>34</v>
      </c>
      <c r="AA68" s="13" t="s">
        <v>33</v>
      </c>
      <c r="AB68" s="13" t="s">
        <v>34</v>
      </c>
      <c r="AC68" s="13" t="s">
        <v>33</v>
      </c>
      <c r="AD68" s="13" t="s">
        <v>34</v>
      </c>
      <c r="AE68" s="13" t="s">
        <v>34</v>
      </c>
      <c r="AF68" s="13" t="s">
        <v>34</v>
      </c>
      <c r="AG68" s="13" t="s">
        <v>34</v>
      </c>
      <c r="AH68" s="13" t="s">
        <v>34</v>
      </c>
      <c r="AI68" s="13" t="s">
        <v>34</v>
      </c>
      <c r="AJ68" s="13" t="s">
        <v>34</v>
      </c>
      <c r="AK68" s="13" t="s">
        <v>34</v>
      </c>
      <c r="AL68" s="13" t="s">
        <v>34</v>
      </c>
      <c r="AM68" s="13" t="s">
        <v>34</v>
      </c>
      <c r="AN68" s="13" t="s">
        <v>33</v>
      </c>
      <c r="AO68" s="13" t="s">
        <v>34</v>
      </c>
      <c r="AP68" s="13" t="s">
        <v>33</v>
      </c>
      <c r="AQ68" s="13" t="s">
        <v>34</v>
      </c>
      <c r="AR68" s="13" t="s">
        <v>33</v>
      </c>
    </row>
    <row r="69" spans="1:44" ht="39.65" customHeight="1" x14ac:dyDescent="0.3">
      <c r="A69" s="164"/>
      <c r="B69" s="49" t="s">
        <v>98</v>
      </c>
      <c r="C69" s="13" t="s">
        <v>33</v>
      </c>
      <c r="D69" s="13" t="s">
        <v>33</v>
      </c>
      <c r="E69" s="13" t="s">
        <v>33</v>
      </c>
      <c r="F69" s="13" t="s">
        <v>33</v>
      </c>
      <c r="G69" s="13" t="s">
        <v>33</v>
      </c>
      <c r="H69" s="13" t="s">
        <v>33</v>
      </c>
      <c r="I69" s="13" t="s">
        <v>33</v>
      </c>
      <c r="J69" s="13" t="s">
        <v>33</v>
      </c>
      <c r="K69" s="13" t="s">
        <v>33</v>
      </c>
      <c r="L69" s="13" t="s">
        <v>33</v>
      </c>
      <c r="M69" s="13" t="s">
        <v>33</v>
      </c>
      <c r="N69" s="13" t="s">
        <v>33</v>
      </c>
      <c r="O69" s="13" t="s">
        <v>33</v>
      </c>
      <c r="P69" s="13" t="s">
        <v>33</v>
      </c>
      <c r="Q69" s="13" t="s">
        <v>33</v>
      </c>
      <c r="R69" s="13" t="s">
        <v>33</v>
      </c>
      <c r="S69" s="126" t="s">
        <v>34</v>
      </c>
      <c r="T69" s="13" t="s">
        <v>33</v>
      </c>
      <c r="U69" s="13" t="s">
        <v>33</v>
      </c>
      <c r="V69" s="13" t="s">
        <v>33</v>
      </c>
      <c r="W69" s="13" t="s">
        <v>33</v>
      </c>
      <c r="X69" s="13" t="s">
        <v>33</v>
      </c>
      <c r="Y69" s="13" t="s">
        <v>33</v>
      </c>
      <c r="Z69" s="13" t="s">
        <v>33</v>
      </c>
      <c r="AA69" s="13" t="s">
        <v>33</v>
      </c>
      <c r="AB69" s="13" t="s">
        <v>33</v>
      </c>
      <c r="AC69" s="13" t="s">
        <v>33</v>
      </c>
      <c r="AD69" s="13" t="s">
        <v>33</v>
      </c>
      <c r="AE69" s="13" t="s">
        <v>33</v>
      </c>
      <c r="AF69" s="13" t="s">
        <v>33</v>
      </c>
      <c r="AG69" s="13" t="s">
        <v>33</v>
      </c>
      <c r="AH69" s="13" t="s">
        <v>33</v>
      </c>
      <c r="AI69" s="13" t="s">
        <v>33</v>
      </c>
      <c r="AJ69" s="13" t="s">
        <v>33</v>
      </c>
      <c r="AK69" s="13" t="s">
        <v>33</v>
      </c>
      <c r="AL69" s="13" t="s">
        <v>33</v>
      </c>
      <c r="AM69" s="13" t="s">
        <v>33</v>
      </c>
      <c r="AN69" s="13" t="s">
        <v>33</v>
      </c>
      <c r="AO69" s="13" t="s">
        <v>33</v>
      </c>
      <c r="AP69" s="13" t="s">
        <v>33</v>
      </c>
      <c r="AQ69" s="13" t="s">
        <v>33</v>
      </c>
      <c r="AR69" s="13" t="s">
        <v>33</v>
      </c>
    </row>
    <row r="70" spans="1:44" ht="39.65" customHeight="1" x14ac:dyDescent="0.3">
      <c r="A70" s="164"/>
      <c r="B70" s="49" t="s">
        <v>99</v>
      </c>
      <c r="C70" s="13" t="s">
        <v>33</v>
      </c>
      <c r="D70" s="13" t="s">
        <v>33</v>
      </c>
      <c r="E70" s="13" t="s">
        <v>33</v>
      </c>
      <c r="F70" s="13" t="s">
        <v>33</v>
      </c>
      <c r="G70" s="13" t="s">
        <v>33</v>
      </c>
      <c r="H70" s="13" t="s">
        <v>33</v>
      </c>
      <c r="I70" s="13" t="s">
        <v>33</v>
      </c>
      <c r="J70" s="13" t="s">
        <v>33</v>
      </c>
      <c r="K70" s="13" t="s">
        <v>33</v>
      </c>
      <c r="L70" s="13" t="s">
        <v>33</v>
      </c>
      <c r="M70" s="13" t="s">
        <v>33</v>
      </c>
      <c r="N70" s="13" t="s">
        <v>33</v>
      </c>
      <c r="O70" s="13" t="s">
        <v>33</v>
      </c>
      <c r="P70" s="13" t="s">
        <v>33</v>
      </c>
      <c r="Q70" s="13" t="s">
        <v>33</v>
      </c>
      <c r="R70" s="13" t="s">
        <v>33</v>
      </c>
      <c r="S70" s="126" t="s">
        <v>34</v>
      </c>
      <c r="T70" s="13" t="s">
        <v>33</v>
      </c>
      <c r="U70" s="13" t="s">
        <v>33</v>
      </c>
      <c r="V70" s="13" t="s">
        <v>33</v>
      </c>
      <c r="W70" s="13" t="s">
        <v>33</v>
      </c>
      <c r="X70" s="13" t="s">
        <v>33</v>
      </c>
      <c r="Y70" s="13" t="s">
        <v>33</v>
      </c>
      <c r="Z70" s="13" t="s">
        <v>33</v>
      </c>
      <c r="AA70" s="13" t="s">
        <v>33</v>
      </c>
      <c r="AB70" s="13" t="s">
        <v>34</v>
      </c>
      <c r="AC70" s="13" t="s">
        <v>33</v>
      </c>
      <c r="AD70" s="13" t="s">
        <v>33</v>
      </c>
      <c r="AE70" s="13" t="s">
        <v>33</v>
      </c>
      <c r="AF70" s="13" t="s">
        <v>34</v>
      </c>
      <c r="AG70" s="13" t="s">
        <v>33</v>
      </c>
      <c r="AH70" s="13" t="s">
        <v>33</v>
      </c>
      <c r="AI70" s="13" t="s">
        <v>34</v>
      </c>
      <c r="AJ70" s="13" t="s">
        <v>33</v>
      </c>
      <c r="AK70" s="13" t="s">
        <v>33</v>
      </c>
      <c r="AL70" s="13" t="s">
        <v>33</v>
      </c>
      <c r="AM70" s="13" t="s">
        <v>33</v>
      </c>
      <c r="AN70" s="13" t="s">
        <v>33</v>
      </c>
      <c r="AO70" s="13" t="s">
        <v>33</v>
      </c>
      <c r="AP70" s="13" t="s">
        <v>33</v>
      </c>
      <c r="AQ70" s="13" t="s">
        <v>33</v>
      </c>
      <c r="AR70" s="13" t="s">
        <v>33</v>
      </c>
    </row>
    <row r="71" spans="1:44" ht="39.65" customHeight="1" x14ac:dyDescent="0.3">
      <c r="A71" s="164"/>
      <c r="B71" s="49" t="s">
        <v>100</v>
      </c>
      <c r="C71" s="13" t="s">
        <v>34</v>
      </c>
      <c r="D71" s="13" t="s">
        <v>33</v>
      </c>
      <c r="E71" s="13" t="s">
        <v>33</v>
      </c>
      <c r="F71" s="13" t="s">
        <v>33</v>
      </c>
      <c r="G71" s="13" t="s">
        <v>33</v>
      </c>
      <c r="H71" s="13" t="s">
        <v>33</v>
      </c>
      <c r="I71" s="13" t="s">
        <v>33</v>
      </c>
      <c r="J71" s="13" t="s">
        <v>33</v>
      </c>
      <c r="K71" s="13" t="s">
        <v>33</v>
      </c>
      <c r="L71" s="13" t="s">
        <v>33</v>
      </c>
      <c r="M71" s="13" t="s">
        <v>33</v>
      </c>
      <c r="N71" s="13" t="s">
        <v>33</v>
      </c>
      <c r="O71" s="13" t="s">
        <v>33</v>
      </c>
      <c r="P71" s="126" t="s">
        <v>34</v>
      </c>
      <c r="Q71" s="13" t="s">
        <v>33</v>
      </c>
      <c r="R71" s="13" t="s">
        <v>33</v>
      </c>
      <c r="S71" s="126" t="s">
        <v>34</v>
      </c>
      <c r="T71" s="13" t="s">
        <v>33</v>
      </c>
      <c r="U71" s="13" t="s">
        <v>33</v>
      </c>
      <c r="V71" s="13" t="s">
        <v>33</v>
      </c>
      <c r="W71" s="13" t="s">
        <v>33</v>
      </c>
      <c r="X71" s="13" t="s">
        <v>33</v>
      </c>
      <c r="Y71" s="13" t="s">
        <v>33</v>
      </c>
      <c r="Z71" s="13" t="s">
        <v>34</v>
      </c>
      <c r="AA71" s="13" t="s">
        <v>33</v>
      </c>
      <c r="AB71" s="13" t="s">
        <v>34</v>
      </c>
      <c r="AC71" s="13" t="s">
        <v>33</v>
      </c>
      <c r="AD71" s="13" t="s">
        <v>34</v>
      </c>
      <c r="AE71" s="13" t="s">
        <v>33</v>
      </c>
      <c r="AF71" s="13" t="s">
        <v>34</v>
      </c>
      <c r="AG71" s="13" t="s">
        <v>33</v>
      </c>
      <c r="AH71" s="13" t="s">
        <v>33</v>
      </c>
      <c r="AI71" s="13" t="s">
        <v>34</v>
      </c>
      <c r="AJ71" s="13" t="s">
        <v>33</v>
      </c>
      <c r="AK71" s="13" t="s">
        <v>33</v>
      </c>
      <c r="AL71" s="13" t="s">
        <v>33</v>
      </c>
      <c r="AM71" s="13" t="s">
        <v>33</v>
      </c>
      <c r="AN71" s="13" t="s">
        <v>33</v>
      </c>
      <c r="AO71" s="13" t="s">
        <v>33</v>
      </c>
      <c r="AP71" s="13" t="s">
        <v>33</v>
      </c>
      <c r="AQ71" s="13" t="s">
        <v>34</v>
      </c>
      <c r="AR71" s="13" t="s">
        <v>33</v>
      </c>
    </row>
    <row r="72" spans="1:44" ht="39.65" customHeight="1" x14ac:dyDescent="0.3">
      <c r="A72" s="164"/>
      <c r="B72" s="49" t="s">
        <v>101</v>
      </c>
      <c r="C72" s="13" t="s">
        <v>33</v>
      </c>
      <c r="D72" s="13" t="s">
        <v>33</v>
      </c>
      <c r="E72" s="13" t="s">
        <v>33</v>
      </c>
      <c r="F72" s="13" t="s">
        <v>33</v>
      </c>
      <c r="G72" s="13" t="s">
        <v>33</v>
      </c>
      <c r="H72" s="13" t="s">
        <v>33</v>
      </c>
      <c r="I72" s="13" t="s">
        <v>33</v>
      </c>
      <c r="J72" s="13" t="s">
        <v>33</v>
      </c>
      <c r="K72" s="13" t="s">
        <v>33</v>
      </c>
      <c r="L72" s="13" t="s">
        <v>33</v>
      </c>
      <c r="M72" s="13" t="s">
        <v>33</v>
      </c>
      <c r="N72" s="13" t="s">
        <v>33</v>
      </c>
      <c r="O72" s="13" t="s">
        <v>33</v>
      </c>
      <c r="P72" s="13" t="s">
        <v>33</v>
      </c>
      <c r="Q72" s="13" t="s">
        <v>33</v>
      </c>
      <c r="R72" s="13" t="s">
        <v>33</v>
      </c>
      <c r="S72" s="126" t="s">
        <v>34</v>
      </c>
      <c r="T72" s="13" t="s">
        <v>33</v>
      </c>
      <c r="U72" s="13" t="s">
        <v>33</v>
      </c>
      <c r="V72" s="13" t="s">
        <v>33</v>
      </c>
      <c r="W72" s="13" t="s">
        <v>33</v>
      </c>
      <c r="X72" s="13" t="s">
        <v>33</v>
      </c>
      <c r="Y72" s="13" t="s">
        <v>33</v>
      </c>
      <c r="Z72" s="13" t="s">
        <v>33</v>
      </c>
      <c r="AA72" s="13" t="s">
        <v>33</v>
      </c>
      <c r="AB72" s="13" t="s">
        <v>33</v>
      </c>
      <c r="AC72" s="13" t="s">
        <v>33</v>
      </c>
      <c r="AD72" s="13" t="s">
        <v>33</v>
      </c>
      <c r="AE72" s="13" t="s">
        <v>33</v>
      </c>
      <c r="AF72" s="13" t="s">
        <v>33</v>
      </c>
      <c r="AG72" s="13" t="s">
        <v>33</v>
      </c>
      <c r="AH72" s="13" t="s">
        <v>33</v>
      </c>
      <c r="AI72" s="13" t="s">
        <v>34</v>
      </c>
      <c r="AJ72" s="13" t="s">
        <v>33</v>
      </c>
      <c r="AK72" s="13" t="s">
        <v>34</v>
      </c>
      <c r="AL72" s="13" t="s">
        <v>33</v>
      </c>
      <c r="AM72" s="13" t="s">
        <v>33</v>
      </c>
      <c r="AN72" s="13" t="s">
        <v>33</v>
      </c>
      <c r="AO72" s="13" t="s">
        <v>33</v>
      </c>
      <c r="AP72" s="13" t="s">
        <v>33</v>
      </c>
      <c r="AQ72" s="13" t="s">
        <v>33</v>
      </c>
      <c r="AR72" s="13" t="s">
        <v>33</v>
      </c>
    </row>
    <row r="73" spans="1:44" ht="39.65" customHeight="1" x14ac:dyDescent="0.3">
      <c r="A73" s="164"/>
      <c r="B73" s="49" t="s">
        <v>102</v>
      </c>
      <c r="C73" s="13" t="s">
        <v>33</v>
      </c>
      <c r="D73" s="13" t="s">
        <v>33</v>
      </c>
      <c r="E73" s="13" t="s">
        <v>34</v>
      </c>
      <c r="F73" s="13" t="s">
        <v>34</v>
      </c>
      <c r="G73" s="13" t="s">
        <v>34</v>
      </c>
      <c r="H73" s="13" t="s">
        <v>34</v>
      </c>
      <c r="I73" s="13" t="s">
        <v>33</v>
      </c>
      <c r="J73" s="13" t="s">
        <v>33</v>
      </c>
      <c r="K73" s="13" t="s">
        <v>34</v>
      </c>
      <c r="L73" s="13" t="s">
        <v>33</v>
      </c>
      <c r="M73" s="13" t="s">
        <v>33</v>
      </c>
      <c r="N73" s="13" t="s">
        <v>34</v>
      </c>
      <c r="O73" s="13" t="s">
        <v>33</v>
      </c>
      <c r="P73" s="13" t="s">
        <v>33</v>
      </c>
      <c r="Q73" s="13" t="s">
        <v>33</v>
      </c>
      <c r="R73" s="13" t="s">
        <v>33</v>
      </c>
      <c r="S73" s="126" t="s">
        <v>34</v>
      </c>
      <c r="T73" s="126" t="s">
        <v>34</v>
      </c>
      <c r="U73" s="13" t="s">
        <v>33</v>
      </c>
      <c r="V73" s="13" t="s">
        <v>33</v>
      </c>
      <c r="W73" s="13" t="s">
        <v>33</v>
      </c>
      <c r="X73" s="13" t="s">
        <v>33</v>
      </c>
      <c r="Y73" s="13" t="s">
        <v>33</v>
      </c>
      <c r="Z73" s="13" t="s">
        <v>33</v>
      </c>
      <c r="AA73" s="13" t="s">
        <v>33</v>
      </c>
      <c r="AB73" s="13" t="s">
        <v>34</v>
      </c>
      <c r="AC73" s="13" t="s">
        <v>34</v>
      </c>
      <c r="AD73" s="13" t="s">
        <v>34</v>
      </c>
      <c r="AE73" s="13" t="s">
        <v>34</v>
      </c>
      <c r="AF73" s="13" t="s">
        <v>34</v>
      </c>
      <c r="AG73" s="13" t="s">
        <v>33</v>
      </c>
      <c r="AH73" s="13" t="s">
        <v>33</v>
      </c>
      <c r="AI73" s="13" t="s">
        <v>34</v>
      </c>
      <c r="AJ73" s="13" t="s">
        <v>33</v>
      </c>
      <c r="AK73" s="13" t="s">
        <v>34</v>
      </c>
      <c r="AL73" s="13" t="s">
        <v>33</v>
      </c>
      <c r="AM73" s="13" t="s">
        <v>33</v>
      </c>
      <c r="AN73" s="13" t="s">
        <v>33</v>
      </c>
      <c r="AO73" s="13" t="s">
        <v>33</v>
      </c>
      <c r="AP73" s="13" t="s">
        <v>33</v>
      </c>
      <c r="AQ73" s="13" t="s">
        <v>33</v>
      </c>
      <c r="AR73" s="13" t="s">
        <v>33</v>
      </c>
    </row>
    <row r="74" spans="1:44" ht="39.65" customHeight="1" x14ac:dyDescent="0.3">
      <c r="A74" s="164"/>
      <c r="B74" s="49" t="s">
        <v>103</v>
      </c>
      <c r="C74" s="13" t="s">
        <v>33</v>
      </c>
      <c r="D74" s="13" t="s">
        <v>34</v>
      </c>
      <c r="E74" s="13" t="s">
        <v>33</v>
      </c>
      <c r="F74" s="13" t="s">
        <v>34</v>
      </c>
      <c r="G74" s="13" t="s">
        <v>34</v>
      </c>
      <c r="H74" s="13" t="s">
        <v>34</v>
      </c>
      <c r="I74" s="13" t="s">
        <v>33</v>
      </c>
      <c r="J74" s="13" t="s">
        <v>34</v>
      </c>
      <c r="K74" s="13" t="s">
        <v>34</v>
      </c>
      <c r="L74" s="13" t="s">
        <v>33</v>
      </c>
      <c r="M74" s="13" t="s">
        <v>34</v>
      </c>
      <c r="N74" s="13" t="s">
        <v>33</v>
      </c>
      <c r="O74" s="126" t="s">
        <v>34</v>
      </c>
      <c r="P74" s="126" t="s">
        <v>34</v>
      </c>
      <c r="Q74" s="13" t="s">
        <v>33</v>
      </c>
      <c r="R74" s="126" t="s">
        <v>34</v>
      </c>
      <c r="S74" s="126" t="s">
        <v>34</v>
      </c>
      <c r="T74" s="126" t="s">
        <v>34</v>
      </c>
      <c r="U74" s="13" t="s">
        <v>33</v>
      </c>
      <c r="V74" s="13" t="s">
        <v>33</v>
      </c>
      <c r="W74" s="13" t="s">
        <v>33</v>
      </c>
      <c r="X74" s="13" t="s">
        <v>33</v>
      </c>
      <c r="Y74" s="13" t="s">
        <v>33</v>
      </c>
      <c r="Z74" s="13" t="s">
        <v>33</v>
      </c>
      <c r="AA74" s="13" t="s">
        <v>33</v>
      </c>
      <c r="AB74" s="13" t="s">
        <v>34</v>
      </c>
      <c r="AC74" s="13" t="s">
        <v>34</v>
      </c>
      <c r="AD74" s="13" t="s">
        <v>34</v>
      </c>
      <c r="AE74" s="13" t="s">
        <v>34</v>
      </c>
      <c r="AF74" s="13" t="s">
        <v>34</v>
      </c>
      <c r="AG74" s="13" t="s">
        <v>34</v>
      </c>
      <c r="AH74" s="13" t="s">
        <v>33</v>
      </c>
      <c r="AI74" s="13" t="s">
        <v>34</v>
      </c>
      <c r="AJ74" s="13" t="s">
        <v>34</v>
      </c>
      <c r="AK74" s="13" t="s">
        <v>34</v>
      </c>
      <c r="AL74" s="13" t="s">
        <v>34</v>
      </c>
      <c r="AM74" s="13" t="s">
        <v>34</v>
      </c>
      <c r="AN74" s="13" t="s">
        <v>33</v>
      </c>
      <c r="AO74" s="13" t="s">
        <v>33</v>
      </c>
      <c r="AP74" s="13" t="s">
        <v>33</v>
      </c>
      <c r="AQ74" s="13" t="s">
        <v>34</v>
      </c>
      <c r="AR74" s="13" t="s">
        <v>34</v>
      </c>
    </row>
    <row r="75" spans="1:44" ht="39.65" customHeight="1" x14ac:dyDescent="0.3">
      <c r="A75" s="164"/>
      <c r="B75" s="49" t="s">
        <v>104</v>
      </c>
      <c r="C75" s="13" t="s">
        <v>33</v>
      </c>
      <c r="D75" s="13" t="s">
        <v>34</v>
      </c>
      <c r="E75" s="13" t="s">
        <v>34</v>
      </c>
      <c r="F75" s="13" t="s">
        <v>33</v>
      </c>
      <c r="G75" s="13" t="s">
        <v>34</v>
      </c>
      <c r="H75" s="13" t="s">
        <v>34</v>
      </c>
      <c r="I75" s="13" t="s">
        <v>34</v>
      </c>
      <c r="J75" s="13" t="s">
        <v>34</v>
      </c>
      <c r="K75" s="13" t="s">
        <v>33</v>
      </c>
      <c r="L75" s="13" t="s">
        <v>34</v>
      </c>
      <c r="M75" s="13" t="s">
        <v>34</v>
      </c>
      <c r="N75" s="13" t="s">
        <v>34</v>
      </c>
      <c r="O75" s="126" t="s">
        <v>34</v>
      </c>
      <c r="P75" s="13" t="s">
        <v>33</v>
      </c>
      <c r="Q75" s="126" t="s">
        <v>34</v>
      </c>
      <c r="R75" s="13" t="s">
        <v>33</v>
      </c>
      <c r="S75" s="13" t="s">
        <v>33</v>
      </c>
      <c r="T75" s="13" t="s">
        <v>33</v>
      </c>
      <c r="U75" s="126" t="s">
        <v>34</v>
      </c>
      <c r="V75" s="13" t="s">
        <v>34</v>
      </c>
      <c r="W75" s="13" t="s">
        <v>34</v>
      </c>
      <c r="X75" s="13" t="s">
        <v>34</v>
      </c>
      <c r="Y75" s="13" t="s">
        <v>34</v>
      </c>
      <c r="Z75" s="13" t="s">
        <v>34</v>
      </c>
      <c r="AA75" s="13" t="s">
        <v>34</v>
      </c>
      <c r="AB75" s="13" t="s">
        <v>34</v>
      </c>
      <c r="AC75" s="13" t="s">
        <v>34</v>
      </c>
      <c r="AD75" s="13" t="s">
        <v>34</v>
      </c>
      <c r="AE75" s="13" t="s">
        <v>34</v>
      </c>
      <c r="AF75" s="13" t="s">
        <v>34</v>
      </c>
      <c r="AG75" s="13" t="s">
        <v>33</v>
      </c>
      <c r="AH75" s="13" t="s">
        <v>34</v>
      </c>
      <c r="AI75" s="13" t="s">
        <v>34</v>
      </c>
      <c r="AJ75" s="13" t="s">
        <v>34</v>
      </c>
      <c r="AK75" s="13" t="s">
        <v>34</v>
      </c>
      <c r="AL75" s="13" t="s">
        <v>34</v>
      </c>
      <c r="AM75" s="13" t="s">
        <v>34</v>
      </c>
      <c r="AN75" s="13" t="s">
        <v>34</v>
      </c>
      <c r="AO75" s="13" t="s">
        <v>33</v>
      </c>
      <c r="AP75" s="13" t="s">
        <v>34</v>
      </c>
      <c r="AQ75" s="13" t="s">
        <v>34</v>
      </c>
      <c r="AR75" s="13" t="s">
        <v>34</v>
      </c>
    </row>
    <row r="76" spans="1:44" ht="39.65" customHeight="1" x14ac:dyDescent="0.3">
      <c r="A76" s="164"/>
      <c r="B76" s="20" t="s">
        <v>105</v>
      </c>
      <c r="C76" s="13" t="s">
        <v>34</v>
      </c>
      <c r="D76" s="13" t="s">
        <v>34</v>
      </c>
      <c r="E76" s="13" t="s">
        <v>34</v>
      </c>
      <c r="F76" s="13" t="s">
        <v>34</v>
      </c>
      <c r="G76" s="13" t="s">
        <v>34</v>
      </c>
      <c r="H76" s="13" t="s">
        <v>34</v>
      </c>
      <c r="I76" s="13" t="s">
        <v>34</v>
      </c>
      <c r="J76" s="13" t="s">
        <v>34</v>
      </c>
      <c r="K76" s="13" t="s">
        <v>34</v>
      </c>
      <c r="L76" s="13" t="s">
        <v>532</v>
      </c>
      <c r="M76" s="13" t="s">
        <v>34</v>
      </c>
      <c r="N76" s="13" t="s">
        <v>34</v>
      </c>
      <c r="O76" s="126" t="s">
        <v>34</v>
      </c>
      <c r="P76" s="126" t="s">
        <v>34</v>
      </c>
      <c r="Q76" s="126" t="s">
        <v>34</v>
      </c>
      <c r="R76" s="126" t="s">
        <v>34</v>
      </c>
      <c r="S76" s="126" t="s">
        <v>363</v>
      </c>
      <c r="T76" s="126" t="s">
        <v>34</v>
      </c>
      <c r="U76" s="126" t="s">
        <v>34</v>
      </c>
      <c r="V76" s="13" t="s">
        <v>34</v>
      </c>
      <c r="W76" s="13" t="s">
        <v>34</v>
      </c>
      <c r="X76" s="13" t="s">
        <v>34</v>
      </c>
      <c r="Y76" s="13" t="s">
        <v>34</v>
      </c>
      <c r="Z76" s="13" t="s">
        <v>34</v>
      </c>
      <c r="AA76" s="13" t="s">
        <v>34</v>
      </c>
      <c r="AB76" s="13" t="s">
        <v>34</v>
      </c>
      <c r="AC76" s="13" t="s">
        <v>34</v>
      </c>
      <c r="AD76" s="13" t="s">
        <v>34</v>
      </c>
      <c r="AE76" s="13" t="s">
        <v>34</v>
      </c>
      <c r="AF76" s="13" t="s">
        <v>34</v>
      </c>
      <c r="AG76" s="13" t="s">
        <v>34</v>
      </c>
      <c r="AH76" s="13" t="s">
        <v>34</v>
      </c>
      <c r="AI76" s="13" t="s">
        <v>34</v>
      </c>
      <c r="AJ76" s="13" t="s">
        <v>34</v>
      </c>
      <c r="AK76" s="13" t="s">
        <v>34</v>
      </c>
      <c r="AL76" s="13" t="s">
        <v>34</v>
      </c>
      <c r="AM76" s="13" t="s">
        <v>34</v>
      </c>
      <c r="AN76" s="13" t="s">
        <v>34</v>
      </c>
      <c r="AO76" s="13" t="s">
        <v>34</v>
      </c>
      <c r="AP76" s="13" t="s">
        <v>34</v>
      </c>
      <c r="AQ76" s="13" t="s">
        <v>34</v>
      </c>
      <c r="AR76" s="13" t="s">
        <v>34</v>
      </c>
    </row>
    <row r="77" spans="1:44" x14ac:dyDescent="0.3">
      <c r="A77" s="5"/>
      <c r="B77" s="6"/>
      <c r="O77" s="125"/>
      <c r="P77" s="125"/>
      <c r="Q77" s="125"/>
      <c r="R77" s="125"/>
      <c r="S77" s="125"/>
      <c r="T77" s="125"/>
      <c r="U77" s="125"/>
    </row>
    <row r="78" spans="1:44" ht="36" customHeight="1" x14ac:dyDescent="0.3">
      <c r="A78" s="164" t="s">
        <v>106</v>
      </c>
      <c r="B78" s="20" t="s">
        <v>107</v>
      </c>
      <c r="C78" s="13" t="s">
        <v>403</v>
      </c>
      <c r="D78" s="13" t="s">
        <v>109</v>
      </c>
      <c r="E78" s="13" t="s">
        <v>415</v>
      </c>
      <c r="F78" s="13" t="s">
        <v>423</v>
      </c>
      <c r="G78" s="13" t="s">
        <v>449</v>
      </c>
      <c r="H78" s="13" t="s">
        <v>464</v>
      </c>
      <c r="I78" s="13" t="s">
        <v>486</v>
      </c>
      <c r="J78" s="13" t="s">
        <v>375</v>
      </c>
      <c r="K78" s="13" t="s">
        <v>433</v>
      </c>
      <c r="L78" s="13" t="s">
        <v>533</v>
      </c>
      <c r="M78" s="13" t="s">
        <v>719</v>
      </c>
      <c r="N78" s="13" t="s">
        <v>727</v>
      </c>
      <c r="O78" s="126" t="s">
        <v>108</v>
      </c>
      <c r="P78" s="126" t="s">
        <v>110</v>
      </c>
      <c r="Q78" s="126" t="s">
        <v>455</v>
      </c>
      <c r="R78" s="126" t="s">
        <v>484</v>
      </c>
      <c r="S78" s="126" t="s">
        <v>492</v>
      </c>
      <c r="T78" s="126" t="s">
        <v>493</v>
      </c>
      <c r="U78" s="126" t="s">
        <v>494</v>
      </c>
      <c r="V78" s="13" t="s">
        <v>541</v>
      </c>
      <c r="W78" s="13" t="s">
        <v>552</v>
      </c>
      <c r="X78" s="13" t="s">
        <v>570</v>
      </c>
      <c r="Y78" s="13" t="s">
        <v>525</v>
      </c>
      <c r="Z78" s="13" t="s">
        <v>555</v>
      </c>
      <c r="AA78" s="13" t="s">
        <v>575</v>
      </c>
      <c r="AB78" s="13" t="s">
        <v>593</v>
      </c>
      <c r="AC78" s="13" t="s">
        <v>585</v>
      </c>
      <c r="AD78" s="13" t="s">
        <v>601</v>
      </c>
      <c r="AE78" s="13" t="s">
        <v>619</v>
      </c>
      <c r="AF78" s="13" t="s">
        <v>609</v>
      </c>
      <c r="AG78" s="13" t="s">
        <v>624</v>
      </c>
      <c r="AH78" s="13" t="s">
        <v>631</v>
      </c>
      <c r="AI78" s="13" t="s">
        <v>638</v>
      </c>
      <c r="AJ78" s="13" t="s">
        <v>656</v>
      </c>
      <c r="AK78" s="13" t="s">
        <v>643</v>
      </c>
      <c r="AL78" s="13" t="s">
        <v>651</v>
      </c>
      <c r="AM78" s="13" t="s">
        <v>740</v>
      </c>
      <c r="AN78" s="13" t="s">
        <v>663</v>
      </c>
      <c r="AO78" s="13" t="s">
        <v>668</v>
      </c>
      <c r="AP78" s="13" t="s">
        <v>703</v>
      </c>
      <c r="AQ78" s="13" t="s">
        <v>747</v>
      </c>
      <c r="AR78" s="13" t="s">
        <v>733</v>
      </c>
    </row>
    <row r="79" spans="1:44" ht="36" customHeight="1" x14ac:dyDescent="0.3">
      <c r="A79" s="164"/>
      <c r="B79" s="20" t="s">
        <v>111</v>
      </c>
      <c r="C79" s="13" t="s">
        <v>112</v>
      </c>
      <c r="D79" s="13" t="s">
        <v>113</v>
      </c>
      <c r="E79" s="13" t="s">
        <v>416</v>
      </c>
      <c r="F79" s="13" t="s">
        <v>424</v>
      </c>
      <c r="G79" s="13" t="s">
        <v>424</v>
      </c>
      <c r="H79" s="13" t="s">
        <v>424</v>
      </c>
      <c r="I79" s="13" t="s">
        <v>358</v>
      </c>
      <c r="J79" s="13" t="s">
        <v>376</v>
      </c>
      <c r="K79" s="13" t="s">
        <v>424</v>
      </c>
      <c r="L79" s="13" t="s">
        <v>534</v>
      </c>
      <c r="M79" s="13" t="s">
        <v>424</v>
      </c>
      <c r="N79" s="13" t="s">
        <v>728</v>
      </c>
      <c r="O79" s="126" t="s">
        <v>389</v>
      </c>
      <c r="P79" s="126" t="s">
        <v>424</v>
      </c>
      <c r="Q79" s="126" t="s">
        <v>456</v>
      </c>
      <c r="R79" s="126" t="s">
        <v>513</v>
      </c>
      <c r="S79" s="126" t="s">
        <v>364</v>
      </c>
      <c r="T79" s="126" t="s">
        <v>424</v>
      </c>
      <c r="U79" s="126" t="s">
        <v>424</v>
      </c>
      <c r="V79" s="13" t="s">
        <v>542</v>
      </c>
      <c r="W79" s="13" t="s">
        <v>424</v>
      </c>
      <c r="X79" s="13" t="s">
        <v>572</v>
      </c>
      <c r="Y79" s="13" t="s">
        <v>526</v>
      </c>
      <c r="Z79" s="13" t="s">
        <v>556</v>
      </c>
      <c r="AA79" s="13" t="s">
        <v>578</v>
      </c>
      <c r="AB79" s="13" t="s">
        <v>594</v>
      </c>
      <c r="AC79" s="13" t="s">
        <v>424</v>
      </c>
      <c r="AD79" s="13" t="s">
        <v>602</v>
      </c>
      <c r="AE79" s="13" t="s">
        <v>424</v>
      </c>
      <c r="AF79" s="13" t="s">
        <v>610</v>
      </c>
      <c r="AG79" s="13" t="s">
        <v>424</v>
      </c>
      <c r="AH79" s="13" t="s">
        <v>632</v>
      </c>
      <c r="AI79" s="13" t="s">
        <v>424</v>
      </c>
      <c r="AJ79" s="13" t="s">
        <v>424</v>
      </c>
      <c r="AK79" s="13" t="s">
        <v>424</v>
      </c>
      <c r="AL79" s="13" t="s">
        <v>424</v>
      </c>
      <c r="AM79" s="13" t="s">
        <v>734</v>
      </c>
      <c r="AN79" s="13" t="s">
        <v>664</v>
      </c>
      <c r="AO79" s="13" t="s">
        <v>669</v>
      </c>
      <c r="AP79" s="13" t="s">
        <v>704</v>
      </c>
      <c r="AQ79" s="13" t="s">
        <v>424</v>
      </c>
      <c r="AR79" s="13" t="s">
        <v>734</v>
      </c>
    </row>
    <row r="80" spans="1:44" ht="36" customHeight="1" x14ac:dyDescent="0.3">
      <c r="A80" s="164"/>
      <c r="B80" s="20" t="s">
        <v>114</v>
      </c>
      <c r="C80" s="13">
        <v>15</v>
      </c>
      <c r="D80" s="13">
        <v>15</v>
      </c>
      <c r="E80" s="13">
        <v>7</v>
      </c>
      <c r="F80" s="13">
        <v>0</v>
      </c>
      <c r="G80" s="13">
        <v>7</v>
      </c>
      <c r="H80" s="13">
        <v>14</v>
      </c>
      <c r="I80" s="13">
        <v>30</v>
      </c>
      <c r="J80" s="13">
        <v>0</v>
      </c>
      <c r="K80" s="13">
        <v>14</v>
      </c>
      <c r="L80" s="13">
        <v>0</v>
      </c>
      <c r="M80" s="13">
        <v>15</v>
      </c>
      <c r="N80" s="13">
        <v>0</v>
      </c>
      <c r="O80" s="126">
        <v>30</v>
      </c>
      <c r="P80" s="126">
        <v>0</v>
      </c>
      <c r="Q80" s="126">
        <v>0</v>
      </c>
      <c r="R80" s="126">
        <v>0</v>
      </c>
      <c r="S80" s="126">
        <v>30</v>
      </c>
      <c r="T80" s="126">
        <v>0</v>
      </c>
      <c r="U80" s="126">
        <v>0</v>
      </c>
      <c r="V80" s="13">
        <v>4</v>
      </c>
      <c r="W80" s="13">
        <v>0</v>
      </c>
      <c r="X80" s="13">
        <v>15</v>
      </c>
      <c r="Y80" s="13">
        <v>30</v>
      </c>
      <c r="Z80" s="13">
        <v>30</v>
      </c>
      <c r="AA80" s="13">
        <v>30</v>
      </c>
      <c r="AB80" s="13">
        <v>15</v>
      </c>
      <c r="AC80" s="13">
        <v>0</v>
      </c>
      <c r="AD80" s="13">
        <v>20</v>
      </c>
      <c r="AE80" s="13">
        <v>0</v>
      </c>
      <c r="AF80" s="13">
        <v>7</v>
      </c>
      <c r="AG80" s="13">
        <v>0</v>
      </c>
      <c r="AH80" s="13">
        <v>7</v>
      </c>
      <c r="AI80" s="13">
        <v>0</v>
      </c>
      <c r="AJ80" s="13">
        <v>30</v>
      </c>
      <c r="AK80" s="13">
        <v>0</v>
      </c>
      <c r="AL80" s="13">
        <v>30</v>
      </c>
      <c r="AM80" s="13">
        <v>0</v>
      </c>
      <c r="AN80" s="13">
        <v>30</v>
      </c>
      <c r="AO80" s="13">
        <v>0</v>
      </c>
      <c r="AP80" s="13">
        <v>15</v>
      </c>
      <c r="AQ80" s="13">
        <v>0</v>
      </c>
      <c r="AR80" s="13">
        <v>15</v>
      </c>
    </row>
    <row r="81" spans="1:44" ht="36" customHeight="1" x14ac:dyDescent="0.3">
      <c r="A81" s="164"/>
      <c r="B81" s="20" t="s">
        <v>115</v>
      </c>
      <c r="C81" s="13" t="s">
        <v>34</v>
      </c>
      <c r="D81" s="13" t="s">
        <v>33</v>
      </c>
      <c r="E81" s="13" t="s">
        <v>34</v>
      </c>
      <c r="F81" s="13" t="s">
        <v>34</v>
      </c>
      <c r="G81" s="13" t="s">
        <v>33</v>
      </c>
      <c r="H81" s="13" t="s">
        <v>34</v>
      </c>
      <c r="I81" s="13" t="s">
        <v>34</v>
      </c>
      <c r="J81" s="13" t="s">
        <v>34</v>
      </c>
      <c r="K81" s="13" t="s">
        <v>33</v>
      </c>
      <c r="L81" s="13" t="s">
        <v>34</v>
      </c>
      <c r="M81" s="13" t="s">
        <v>34</v>
      </c>
      <c r="N81" s="13" t="s">
        <v>33</v>
      </c>
      <c r="O81" s="126" t="s">
        <v>33</v>
      </c>
      <c r="P81" s="126" t="s">
        <v>34</v>
      </c>
      <c r="Q81" s="126" t="s">
        <v>34</v>
      </c>
      <c r="R81" s="126" t="s">
        <v>33</v>
      </c>
      <c r="S81" s="126" t="s">
        <v>33</v>
      </c>
      <c r="T81" s="126" t="s">
        <v>33</v>
      </c>
      <c r="U81" s="126" t="s">
        <v>34</v>
      </c>
      <c r="V81" s="13" t="s">
        <v>34</v>
      </c>
      <c r="W81" s="13" t="s">
        <v>34</v>
      </c>
      <c r="X81" s="13" t="s">
        <v>34</v>
      </c>
      <c r="Y81" s="13" t="s">
        <v>34</v>
      </c>
      <c r="Z81" s="13" t="s">
        <v>410</v>
      </c>
      <c r="AA81" s="13" t="s">
        <v>410</v>
      </c>
      <c r="AB81" s="13" t="s">
        <v>33</v>
      </c>
      <c r="AC81" s="13" t="s">
        <v>586</v>
      </c>
      <c r="AD81" s="13" t="s">
        <v>34</v>
      </c>
      <c r="AE81" s="13" t="s">
        <v>620</v>
      </c>
      <c r="AF81" s="13" t="s">
        <v>34</v>
      </c>
      <c r="AG81" s="13" t="s">
        <v>34</v>
      </c>
      <c r="AH81" s="13" t="s">
        <v>34</v>
      </c>
      <c r="AI81" s="13" t="s">
        <v>34</v>
      </c>
      <c r="AJ81" s="13" t="s">
        <v>33</v>
      </c>
      <c r="AK81" s="13" t="s">
        <v>34</v>
      </c>
      <c r="AL81" s="13" t="s">
        <v>33</v>
      </c>
      <c r="AM81" s="13" t="s">
        <v>33</v>
      </c>
      <c r="AN81" s="13" t="s">
        <v>410</v>
      </c>
      <c r="AO81" s="13" t="s">
        <v>34</v>
      </c>
      <c r="AP81" s="13" t="s">
        <v>34</v>
      </c>
      <c r="AQ81" s="13" t="s">
        <v>34</v>
      </c>
      <c r="AR81" s="13" t="s">
        <v>34</v>
      </c>
    </row>
    <row r="82" spans="1:44" ht="36" customHeight="1" x14ac:dyDescent="0.3">
      <c r="A82" s="164"/>
      <c r="B82" s="20" t="s">
        <v>116</v>
      </c>
      <c r="C82" s="13" t="s">
        <v>117</v>
      </c>
      <c r="D82" s="13" t="s">
        <v>118</v>
      </c>
      <c r="E82" s="13" t="s">
        <v>417</v>
      </c>
      <c r="F82" s="13" t="s">
        <v>119</v>
      </c>
      <c r="G82" s="13" t="s">
        <v>121</v>
      </c>
      <c r="H82" s="13" t="s">
        <v>465</v>
      </c>
      <c r="I82" s="13" t="s">
        <v>359</v>
      </c>
      <c r="J82" s="13" t="s">
        <v>489</v>
      </c>
      <c r="K82" s="13" t="s">
        <v>434</v>
      </c>
      <c r="L82" s="13" t="s">
        <v>562</v>
      </c>
      <c r="M82" s="13" t="s">
        <v>720</v>
      </c>
      <c r="N82" s="13" t="s">
        <v>729</v>
      </c>
      <c r="O82" s="126" t="s">
        <v>390</v>
      </c>
      <c r="P82" s="126" t="s">
        <v>120</v>
      </c>
      <c r="Q82" s="126" t="s">
        <v>122</v>
      </c>
      <c r="R82" s="126" t="s">
        <v>485</v>
      </c>
      <c r="S82" s="126" t="s">
        <v>488</v>
      </c>
      <c r="T82" s="126" t="s">
        <v>369</v>
      </c>
      <c r="U82" s="126" t="s">
        <v>382</v>
      </c>
      <c r="V82" s="13" t="s">
        <v>543</v>
      </c>
      <c r="W82" s="13" t="s">
        <v>553</v>
      </c>
      <c r="X82" s="13" t="s">
        <v>573</v>
      </c>
      <c r="Y82" s="13" t="s">
        <v>527</v>
      </c>
      <c r="Z82" s="13" t="s">
        <v>557</v>
      </c>
      <c r="AA82" s="13" t="s">
        <v>579</v>
      </c>
      <c r="AB82" s="13" t="s">
        <v>595</v>
      </c>
      <c r="AC82" s="13" t="s">
        <v>587</v>
      </c>
      <c r="AD82" s="13" t="s">
        <v>603</v>
      </c>
      <c r="AE82" s="13" t="s">
        <v>621</v>
      </c>
      <c r="AF82" s="13" t="s">
        <v>611</v>
      </c>
      <c r="AG82" s="13" t="s">
        <v>625</v>
      </c>
      <c r="AH82" s="13" t="s">
        <v>634</v>
      </c>
      <c r="AI82" s="13" t="s">
        <v>639</v>
      </c>
      <c r="AJ82" s="13" t="s">
        <v>657</v>
      </c>
      <c r="AK82" s="13" t="s">
        <v>644</v>
      </c>
      <c r="AL82" s="13" t="s">
        <v>652</v>
      </c>
      <c r="AM82" s="13" t="s">
        <v>741</v>
      </c>
      <c r="AN82" s="13" t="s">
        <v>665</v>
      </c>
      <c r="AO82" s="13" t="s">
        <v>670</v>
      </c>
      <c r="AP82" s="13" t="s">
        <v>705</v>
      </c>
      <c r="AQ82" s="13" t="s">
        <v>748</v>
      </c>
      <c r="AR82" s="13" t="s">
        <v>735</v>
      </c>
    </row>
    <row r="83" spans="1:44" ht="36" customHeight="1" x14ac:dyDescent="0.3">
      <c r="A83" s="164"/>
      <c r="B83" s="20" t="s">
        <v>123</v>
      </c>
      <c r="C83" s="13" t="s">
        <v>404</v>
      </c>
      <c r="D83" s="13" t="s">
        <v>124</v>
      </c>
      <c r="E83" s="13" t="s">
        <v>418</v>
      </c>
      <c r="F83" s="13" t="s">
        <v>425</v>
      </c>
      <c r="G83" s="13" t="s">
        <v>450</v>
      </c>
      <c r="H83" s="13" t="s">
        <v>466</v>
      </c>
      <c r="I83" s="13" t="s">
        <v>487</v>
      </c>
      <c r="J83" s="13" t="s">
        <v>490</v>
      </c>
      <c r="K83" s="13" t="s">
        <v>435</v>
      </c>
      <c r="L83" s="13" t="s">
        <v>561</v>
      </c>
      <c r="M83" s="13" t="s">
        <v>721</v>
      </c>
      <c r="N83" s="13" t="s">
        <v>730</v>
      </c>
      <c r="O83" s="126" t="s">
        <v>391</v>
      </c>
      <c r="P83" s="126" t="s">
        <v>440</v>
      </c>
      <c r="Q83" s="126" t="s">
        <v>457</v>
      </c>
      <c r="R83" s="126" t="s">
        <v>354</v>
      </c>
      <c r="S83" s="126" t="s">
        <v>365</v>
      </c>
      <c r="T83" s="126" t="s">
        <v>370</v>
      </c>
      <c r="U83" s="126" t="s">
        <v>491</v>
      </c>
      <c r="V83" s="13" t="s">
        <v>544</v>
      </c>
      <c r="W83" s="13" t="s">
        <v>554</v>
      </c>
      <c r="X83" s="13" t="s">
        <v>574</v>
      </c>
      <c r="Y83" s="13" t="s">
        <v>528</v>
      </c>
      <c r="Z83" s="13" t="s">
        <v>560</v>
      </c>
      <c r="AA83" s="13" t="s">
        <v>580</v>
      </c>
      <c r="AB83" s="13" t="s">
        <v>596</v>
      </c>
      <c r="AC83" s="13" t="s">
        <v>588</v>
      </c>
      <c r="AD83" s="13" t="s">
        <v>604</v>
      </c>
      <c r="AE83" s="13" t="s">
        <v>622</v>
      </c>
      <c r="AF83" s="13" t="s">
        <v>612</v>
      </c>
      <c r="AG83" s="13" t="s">
        <v>627</v>
      </c>
      <c r="AH83" s="13" t="s">
        <v>635</v>
      </c>
      <c r="AI83" s="13" t="s">
        <v>640</v>
      </c>
      <c r="AJ83" s="13" t="s">
        <v>658</v>
      </c>
      <c r="AK83" s="13" t="s">
        <v>645</v>
      </c>
      <c r="AL83" s="13" t="s">
        <v>653</v>
      </c>
      <c r="AM83" s="13" t="s">
        <v>742</v>
      </c>
      <c r="AN83" s="13" t="s">
        <v>666</v>
      </c>
      <c r="AO83" s="13" t="s">
        <v>671</v>
      </c>
      <c r="AP83" s="13" t="s">
        <v>706</v>
      </c>
      <c r="AQ83" s="13" t="s">
        <v>749</v>
      </c>
      <c r="AR83" s="13" t="s">
        <v>736</v>
      </c>
    </row>
    <row r="84" spans="1:44" x14ac:dyDescent="0.3">
      <c r="O84" s="125"/>
      <c r="P84" s="125"/>
      <c r="Q84" s="125"/>
      <c r="R84" s="125"/>
      <c r="S84" s="125"/>
      <c r="T84" s="125"/>
      <c r="U84" s="125" t="s">
        <v>383</v>
      </c>
    </row>
  </sheetData>
  <mergeCells count="7">
    <mergeCell ref="A2:F7"/>
    <mergeCell ref="A57:A76"/>
    <mergeCell ref="A78:A83"/>
    <mergeCell ref="A10:A14"/>
    <mergeCell ref="A16:A21"/>
    <mergeCell ref="A23:A51"/>
    <mergeCell ref="A53:A55"/>
  </mergeCells>
  <phoneticPr fontId="36" type="noConversion"/>
  <pageMargins left="0.7" right="0.7" top="0.75" bottom="0.75" header="0.3" footer="0.3"/>
  <pageSetup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L220"/>
  <sheetViews>
    <sheetView showGridLines="0" tabSelected="1" topLeftCell="C139" zoomScale="58" zoomScaleNormal="55" workbookViewId="0">
      <selection activeCell="G152" sqref="G152"/>
    </sheetView>
  </sheetViews>
  <sheetFormatPr defaultColWidth="9.36328125" defaultRowHeight="14" x14ac:dyDescent="0.35"/>
  <cols>
    <col min="1" max="1" width="4.90625" style="2" customWidth="1"/>
    <col min="2" max="2" width="33.54296875" style="2" customWidth="1"/>
    <col min="3" max="3" width="25.08984375" style="81" customWidth="1"/>
    <col min="4" max="4" width="128.453125" style="2" customWidth="1"/>
    <col min="5" max="5" width="45.36328125" style="2" customWidth="1"/>
    <col min="6" max="6" width="35.453125" style="2" customWidth="1"/>
    <col min="7" max="7" width="40.54296875" style="2" customWidth="1"/>
    <col min="8" max="8" width="33.54296875" style="2" customWidth="1"/>
    <col min="9" max="9" width="41.36328125" style="2" customWidth="1"/>
    <col min="10" max="12" width="31.54296875" style="2" customWidth="1"/>
    <col min="13" max="13" width="30.36328125" style="2" customWidth="1"/>
    <col min="14" max="16384" width="9.36328125" style="2"/>
  </cols>
  <sheetData>
    <row r="1" spans="1:11" ht="15" x14ac:dyDescent="0.35">
      <c r="B1" s="21" t="s">
        <v>125</v>
      </c>
      <c r="C1" s="69"/>
      <c r="D1" s="21"/>
      <c r="E1" s="21"/>
      <c r="F1" s="21"/>
      <c r="G1" s="21"/>
    </row>
    <row r="2" spans="1:11" ht="15" x14ac:dyDescent="0.35">
      <c r="B2" s="22" t="s">
        <v>126</v>
      </c>
      <c r="C2" s="70"/>
      <c r="D2" s="21"/>
      <c r="E2" s="21"/>
      <c r="F2" s="21"/>
      <c r="G2" s="21"/>
    </row>
    <row r="3" spans="1:11" ht="15" x14ac:dyDescent="0.35">
      <c r="B3" s="22" t="s">
        <v>127</v>
      </c>
      <c r="C3" s="70"/>
      <c r="D3" s="21"/>
      <c r="E3" s="21"/>
      <c r="F3" s="21"/>
      <c r="G3" s="21"/>
    </row>
    <row r="4" spans="1:11" ht="15" x14ac:dyDescent="0.35">
      <c r="B4" s="91" t="s">
        <v>128</v>
      </c>
      <c r="C4" s="70"/>
      <c r="D4" s="21"/>
      <c r="E4" s="21"/>
      <c r="F4" s="21"/>
      <c r="G4" s="21"/>
    </row>
    <row r="5" spans="1:11" ht="15" x14ac:dyDescent="0.35">
      <c r="B5" s="91" t="s">
        <v>129</v>
      </c>
      <c r="C5" s="70"/>
      <c r="D5" s="21"/>
      <c r="E5" s="21"/>
      <c r="F5" s="21"/>
      <c r="G5" s="21"/>
    </row>
    <row r="6" spans="1:11" ht="15" x14ac:dyDescent="0.35">
      <c r="B6" s="91" t="s">
        <v>130</v>
      </c>
      <c r="C6" s="70"/>
      <c r="D6" s="21"/>
      <c r="E6" s="21"/>
      <c r="F6" s="21"/>
      <c r="G6" s="21"/>
    </row>
    <row r="7" spans="1:11" ht="15" x14ac:dyDescent="0.35">
      <c r="B7" s="22" t="s">
        <v>131</v>
      </c>
      <c r="C7" s="70"/>
      <c r="D7" s="21"/>
      <c r="E7" s="21"/>
      <c r="F7" s="21"/>
      <c r="G7" s="21"/>
    </row>
    <row r="8" spans="1:11" ht="15" x14ac:dyDescent="0.35">
      <c r="B8" s="22" t="s">
        <v>132</v>
      </c>
      <c r="C8" s="70"/>
      <c r="D8" s="21"/>
      <c r="E8" s="21"/>
      <c r="F8" s="21"/>
      <c r="G8" s="21"/>
    </row>
    <row r="9" spans="1:11" x14ac:dyDescent="0.35">
      <c r="C9" s="71"/>
    </row>
    <row r="10" spans="1:11" ht="15" x14ac:dyDescent="0.35">
      <c r="B10" s="92" t="s">
        <v>133</v>
      </c>
      <c r="C10" s="72"/>
      <c r="D10" s="114"/>
    </row>
    <row r="11" spans="1:11" customFormat="1" ht="14.5" x14ac:dyDescent="0.35"/>
    <row r="12" spans="1:11" ht="15" x14ac:dyDescent="0.35">
      <c r="B12" s="93" t="s">
        <v>134</v>
      </c>
      <c r="C12" s="73"/>
      <c r="D12" s="115"/>
    </row>
    <row r="13" spans="1:11" ht="14.5" thickBot="1" x14ac:dyDescent="0.4">
      <c r="A13" s="25"/>
      <c r="B13" s="25"/>
      <c r="C13" s="74"/>
      <c r="D13" s="36"/>
      <c r="E13" s="36"/>
      <c r="F13" s="36"/>
      <c r="G13" s="36"/>
      <c r="H13" s="36"/>
      <c r="I13" s="36"/>
      <c r="J13" s="36"/>
      <c r="K13" s="36"/>
    </row>
    <row r="14" spans="1:11" x14ac:dyDescent="0.35">
      <c r="A14" s="24"/>
      <c r="B14" s="24"/>
      <c r="C14" s="75"/>
    </row>
    <row r="15" spans="1:11" ht="25" x14ac:dyDescent="0.35">
      <c r="B15" s="52" t="s">
        <v>128</v>
      </c>
      <c r="C15" s="76"/>
      <c r="D15" s="53"/>
      <c r="E15" s="53"/>
      <c r="F15" s="53"/>
      <c r="G15" s="53"/>
      <c r="H15" s="53"/>
      <c r="I15" s="53"/>
    </row>
    <row r="16" spans="1:11" s="16" customFormat="1" ht="32.25" customHeight="1" x14ac:dyDescent="0.35">
      <c r="B16" s="43" t="s">
        <v>135</v>
      </c>
      <c r="C16" s="77"/>
      <c r="D16" s="43"/>
      <c r="E16" s="43"/>
      <c r="F16" s="43"/>
      <c r="G16" s="43"/>
      <c r="H16" s="43"/>
      <c r="I16" s="43"/>
    </row>
    <row r="17" spans="2:30" s="16" customFormat="1" ht="15.5" customHeight="1" x14ac:dyDescent="0.35">
      <c r="B17" s="54"/>
      <c r="C17" s="78"/>
      <c r="D17" s="55"/>
      <c r="E17" s="55"/>
      <c r="F17" s="55"/>
      <c r="G17" s="55"/>
    </row>
    <row r="18" spans="2:30" ht="22.25" customHeight="1" x14ac:dyDescent="0.35">
      <c r="B18" s="90" t="s">
        <v>136</v>
      </c>
      <c r="C18" s="90" t="s">
        <v>137</v>
      </c>
      <c r="D18" s="90" t="s">
        <v>138</v>
      </c>
      <c r="E18" s="90" t="s">
        <v>139</v>
      </c>
      <c r="F18" s="218" t="s">
        <v>140</v>
      </c>
      <c r="G18" s="218"/>
      <c r="H18" s="16"/>
      <c r="I18" s="16"/>
      <c r="J18" s="16"/>
      <c r="K18" s="16"/>
      <c r="L18" s="16"/>
      <c r="M18" s="16"/>
      <c r="N18" s="16"/>
      <c r="O18" s="16"/>
      <c r="P18" s="16"/>
      <c r="Q18" s="16"/>
      <c r="R18" s="16"/>
      <c r="S18" s="16"/>
      <c r="T18" s="16"/>
      <c r="U18" s="16"/>
      <c r="V18" s="16"/>
      <c r="W18" s="16"/>
      <c r="X18" s="16"/>
      <c r="Y18" s="16"/>
      <c r="Z18" s="16"/>
      <c r="AA18" s="16"/>
      <c r="AB18" s="16"/>
      <c r="AC18" s="16"/>
      <c r="AD18" s="16"/>
    </row>
    <row r="19" spans="2:30" customFormat="1" ht="22.25" customHeight="1" x14ac:dyDescent="0.35"/>
    <row r="20" spans="2:30" ht="24.5" customHeight="1" x14ac:dyDescent="0.35">
      <c r="B20" s="215" t="s">
        <v>141</v>
      </c>
      <c r="C20" s="79"/>
      <c r="D20" s="34"/>
      <c r="E20" s="103" t="s">
        <v>142</v>
      </c>
      <c r="H20" s="16"/>
      <c r="I20" s="16"/>
      <c r="J20" s="16"/>
      <c r="K20" s="16"/>
      <c r="L20" s="16"/>
      <c r="M20" s="16"/>
      <c r="N20" s="16"/>
      <c r="O20" s="16"/>
      <c r="P20" s="16"/>
      <c r="Q20" s="16"/>
      <c r="R20" s="16"/>
      <c r="S20" s="16"/>
      <c r="T20" s="16"/>
      <c r="U20" s="16"/>
      <c r="V20" s="16"/>
      <c r="W20" s="16"/>
      <c r="X20" s="16"/>
      <c r="Y20" s="16"/>
      <c r="Z20" s="16"/>
      <c r="AA20" s="16"/>
      <c r="AB20" s="16"/>
      <c r="AC20" s="16"/>
      <c r="AD20" s="16"/>
    </row>
    <row r="21" spans="2:30" ht="24.65" customHeight="1" x14ac:dyDescent="0.35">
      <c r="B21" s="215"/>
      <c r="C21" s="79"/>
      <c r="D21" s="34" t="s">
        <v>143</v>
      </c>
      <c r="E21" s="101">
        <v>42</v>
      </c>
      <c r="H21" s="16"/>
      <c r="I21" s="16"/>
      <c r="J21" s="16"/>
      <c r="K21" s="16"/>
      <c r="L21" s="16"/>
      <c r="M21" s="16"/>
      <c r="N21" s="16"/>
      <c r="O21" s="16"/>
      <c r="P21" s="16"/>
      <c r="Q21" s="16"/>
      <c r="R21" s="16"/>
      <c r="S21" s="16"/>
      <c r="T21" s="16"/>
      <c r="U21" s="16"/>
      <c r="V21" s="16"/>
      <c r="W21" s="16"/>
      <c r="X21" s="16"/>
      <c r="Y21" s="16"/>
      <c r="Z21" s="16"/>
      <c r="AA21" s="16"/>
      <c r="AB21" s="16"/>
      <c r="AC21" s="16"/>
      <c r="AD21" s="16"/>
    </row>
    <row r="22" spans="2:30" ht="14" customHeight="1" x14ac:dyDescent="0.35">
      <c r="B22" s="216"/>
      <c r="C22" s="79"/>
      <c r="D22" s="15"/>
      <c r="E22" s="15"/>
      <c r="F22" s="15"/>
      <c r="G22" s="15"/>
      <c r="H22" s="16"/>
      <c r="I22" s="16"/>
      <c r="J22" s="16"/>
      <c r="K22" s="16"/>
      <c r="L22" s="16"/>
      <c r="M22" s="16"/>
      <c r="N22" s="16"/>
      <c r="O22" s="16"/>
      <c r="P22" s="16"/>
      <c r="Q22" s="16"/>
      <c r="R22" s="16"/>
      <c r="S22" s="16"/>
      <c r="T22" s="16"/>
      <c r="U22" s="16"/>
      <c r="V22" s="16"/>
      <c r="W22" s="16"/>
      <c r="X22" s="16"/>
      <c r="Y22" s="16"/>
      <c r="Z22" s="16"/>
      <c r="AA22" s="16"/>
      <c r="AB22" s="16"/>
      <c r="AC22" s="16"/>
      <c r="AD22" s="16"/>
    </row>
    <row r="23" spans="2:30" ht="24.5" customHeight="1" x14ac:dyDescent="0.35">
      <c r="B23" s="216"/>
      <c r="C23" s="80" t="s">
        <v>144</v>
      </c>
      <c r="D23" s="51" t="s">
        <v>145</v>
      </c>
      <c r="E23" s="103" t="s">
        <v>142</v>
      </c>
      <c r="F23" s="116"/>
      <c r="G23" s="116"/>
      <c r="H23" s="16"/>
      <c r="I23" s="16"/>
      <c r="J23" s="16"/>
      <c r="K23" s="16"/>
      <c r="L23" s="16"/>
      <c r="M23" s="16"/>
      <c r="N23" s="16"/>
      <c r="O23" s="16"/>
      <c r="P23" s="16"/>
      <c r="Q23" s="16"/>
      <c r="R23" s="16"/>
      <c r="S23" s="16"/>
      <c r="T23" s="16"/>
      <c r="U23" s="16"/>
      <c r="V23" s="16"/>
      <c r="W23" s="16"/>
      <c r="X23" s="16"/>
      <c r="Y23" s="16"/>
      <c r="Z23" s="16"/>
      <c r="AA23" s="16"/>
      <c r="AB23" s="16"/>
      <c r="AC23" s="16"/>
      <c r="AD23" s="16"/>
    </row>
    <row r="24" spans="2:30" ht="24.5" customHeight="1" x14ac:dyDescent="0.35">
      <c r="B24" s="216"/>
      <c r="C24" s="79"/>
      <c r="D24" s="50" t="s">
        <v>146</v>
      </c>
      <c r="E24" s="97">
        <v>25</v>
      </c>
      <c r="F24" s="180" t="s">
        <v>147</v>
      </c>
      <c r="G24" s="182"/>
      <c r="H24" s="16"/>
      <c r="I24" s="16"/>
      <c r="J24" s="16"/>
      <c r="K24" s="16"/>
      <c r="L24" s="16"/>
      <c r="M24" s="16"/>
      <c r="N24" s="16"/>
      <c r="O24" s="16"/>
      <c r="P24" s="16"/>
      <c r="Q24" s="16"/>
      <c r="R24" s="16"/>
      <c r="S24" s="16"/>
      <c r="T24" s="16"/>
      <c r="U24" s="16"/>
      <c r="V24" s="16"/>
      <c r="W24" s="16"/>
      <c r="X24" s="16"/>
      <c r="Y24" s="16"/>
      <c r="Z24" s="16"/>
      <c r="AA24" s="16"/>
      <c r="AB24" s="16"/>
      <c r="AC24" s="16"/>
      <c r="AD24" s="16"/>
    </row>
    <row r="25" spans="2:30" ht="24.5" customHeight="1" x14ac:dyDescent="0.35">
      <c r="B25" s="216"/>
      <c r="C25" s="79"/>
      <c r="D25" s="50" t="s">
        <v>148</v>
      </c>
      <c r="E25" s="97">
        <v>17</v>
      </c>
      <c r="F25" s="183"/>
      <c r="G25" s="185"/>
      <c r="H25" s="16"/>
      <c r="I25" s="16"/>
      <c r="J25" s="16"/>
      <c r="K25" s="16"/>
      <c r="L25" s="16"/>
      <c r="M25" s="16"/>
      <c r="N25" s="16"/>
      <c r="O25" s="16"/>
      <c r="P25" s="16"/>
      <c r="Q25" s="16"/>
      <c r="R25" s="16"/>
      <c r="S25" s="16"/>
      <c r="T25" s="16"/>
      <c r="U25" s="16"/>
      <c r="V25" s="16"/>
      <c r="W25" s="16"/>
      <c r="X25" s="16"/>
      <c r="Y25" s="16"/>
      <c r="Z25" s="16"/>
      <c r="AA25" s="16"/>
      <c r="AB25" s="16"/>
      <c r="AC25" s="16"/>
      <c r="AD25" s="16"/>
    </row>
    <row r="26" spans="2:30" ht="24.5" customHeight="1" x14ac:dyDescent="0.35">
      <c r="B26" s="216"/>
      <c r="C26" s="79"/>
      <c r="D26" s="50" t="s">
        <v>149</v>
      </c>
      <c r="E26" s="101">
        <v>0</v>
      </c>
      <c r="F26" s="186"/>
      <c r="G26" s="188"/>
      <c r="H26" s="16"/>
      <c r="I26" s="16"/>
      <c r="J26" s="16"/>
      <c r="K26" s="16"/>
      <c r="L26" s="16"/>
      <c r="M26" s="16"/>
      <c r="N26" s="16"/>
      <c r="O26" s="16"/>
      <c r="P26" s="16"/>
      <c r="Q26" s="16"/>
      <c r="R26" s="16"/>
      <c r="S26" s="16"/>
      <c r="T26" s="16"/>
      <c r="U26" s="16"/>
      <c r="V26" s="16"/>
      <c r="W26" s="16"/>
      <c r="X26" s="16"/>
      <c r="Y26" s="16"/>
      <c r="Z26" s="16"/>
      <c r="AA26" s="16"/>
      <c r="AB26" s="16"/>
      <c r="AC26" s="16"/>
      <c r="AD26" s="16"/>
    </row>
    <row r="27" spans="2:30" ht="24.65" customHeight="1" x14ac:dyDescent="0.35">
      <c r="B27" s="216"/>
      <c r="C27" s="79"/>
      <c r="D27" s="50"/>
      <c r="E27" s="95" t="str">
        <f>IF(SUM(E24:E26)=$E$21,"Check","Error")</f>
        <v>Check</v>
      </c>
      <c r="F27" s="15"/>
      <c r="G27" s="16"/>
      <c r="H27" s="16"/>
      <c r="I27" s="16"/>
      <c r="J27" s="16"/>
      <c r="K27" s="16"/>
      <c r="L27" s="16"/>
      <c r="M27" s="16"/>
      <c r="N27" s="16"/>
      <c r="O27" s="16"/>
      <c r="P27" s="16"/>
      <c r="Q27" s="16"/>
      <c r="R27" s="16"/>
      <c r="S27" s="16"/>
      <c r="T27" s="16"/>
      <c r="U27" s="16"/>
      <c r="V27" s="16"/>
      <c r="W27" s="16"/>
      <c r="X27" s="16"/>
      <c r="Y27" s="16"/>
      <c r="Z27" s="16"/>
      <c r="AA27" s="16"/>
      <c r="AB27" s="16"/>
      <c r="AC27" s="16"/>
      <c r="AD27" s="16"/>
    </row>
    <row r="28" spans="2:30" ht="14" customHeight="1" x14ac:dyDescent="0.35">
      <c r="B28" s="216"/>
      <c r="C28" s="79"/>
      <c r="D28" s="15"/>
      <c r="E28" s="15"/>
      <c r="F28" s="15"/>
      <c r="G28" s="15"/>
      <c r="H28" s="16"/>
      <c r="I28" s="16"/>
      <c r="J28" s="16"/>
      <c r="K28" s="16"/>
      <c r="L28" s="16"/>
      <c r="M28" s="16"/>
      <c r="N28" s="16"/>
      <c r="O28" s="16"/>
      <c r="P28" s="16"/>
      <c r="Q28" s="16"/>
      <c r="R28" s="16"/>
      <c r="S28" s="16"/>
      <c r="T28" s="16"/>
      <c r="U28" s="16"/>
      <c r="V28" s="16"/>
      <c r="W28" s="16"/>
      <c r="X28" s="16"/>
      <c r="Y28" s="16"/>
      <c r="Z28" s="16"/>
      <c r="AA28" s="16"/>
      <c r="AB28" s="16"/>
      <c r="AC28" s="16"/>
      <c r="AD28" s="16"/>
    </row>
    <row r="29" spans="2:30" ht="24" customHeight="1" x14ac:dyDescent="0.35">
      <c r="B29" s="216"/>
      <c r="C29" s="80" t="s">
        <v>150</v>
      </c>
      <c r="D29" s="51" t="s">
        <v>151</v>
      </c>
      <c r="E29" s="103" t="s">
        <v>142</v>
      </c>
      <c r="F29" s="15"/>
      <c r="G29" s="15"/>
      <c r="H29" s="16"/>
      <c r="I29" s="16"/>
      <c r="J29" s="16"/>
      <c r="K29" s="16"/>
      <c r="L29" s="16"/>
      <c r="M29" s="16"/>
      <c r="N29" s="16"/>
      <c r="O29" s="16"/>
      <c r="P29" s="16"/>
      <c r="Q29" s="16"/>
      <c r="R29" s="16"/>
      <c r="S29" s="16"/>
      <c r="T29" s="16"/>
      <c r="U29" s="16"/>
      <c r="V29" s="16"/>
      <c r="W29" s="16"/>
      <c r="X29" s="16"/>
      <c r="Y29" s="16"/>
      <c r="Z29" s="16"/>
      <c r="AA29" s="16"/>
      <c r="AB29" s="16"/>
      <c r="AC29" s="16"/>
      <c r="AD29" s="16"/>
    </row>
    <row r="30" spans="2:30" ht="24" customHeight="1" x14ac:dyDescent="0.35">
      <c r="B30" s="216"/>
      <c r="C30" s="79"/>
      <c r="D30" s="50" t="s">
        <v>152</v>
      </c>
      <c r="E30" s="97">
        <v>25</v>
      </c>
      <c r="F30" s="180" t="s">
        <v>153</v>
      </c>
      <c r="G30" s="182"/>
      <c r="H30" s="16"/>
      <c r="I30" s="16"/>
      <c r="J30" s="16"/>
      <c r="K30" s="16"/>
      <c r="L30" s="16"/>
      <c r="M30" s="16"/>
      <c r="N30" s="16"/>
      <c r="O30" s="16"/>
      <c r="P30" s="16"/>
      <c r="Q30" s="16"/>
      <c r="R30" s="16"/>
      <c r="S30" s="16"/>
      <c r="T30" s="16"/>
      <c r="U30" s="16"/>
      <c r="V30" s="16"/>
      <c r="W30" s="16"/>
      <c r="X30" s="16"/>
      <c r="Y30" s="16"/>
      <c r="Z30" s="16"/>
      <c r="AA30" s="16"/>
      <c r="AB30" s="16"/>
      <c r="AC30" s="16"/>
      <c r="AD30" s="16"/>
    </row>
    <row r="31" spans="2:30" ht="24" customHeight="1" x14ac:dyDescent="0.35">
      <c r="B31" s="216"/>
      <c r="C31" s="79"/>
      <c r="D31" s="50" t="s">
        <v>154</v>
      </c>
      <c r="E31" s="97">
        <v>17</v>
      </c>
      <c r="F31" s="183"/>
      <c r="G31" s="185"/>
      <c r="H31" s="16"/>
      <c r="I31" s="16"/>
      <c r="J31" s="16"/>
      <c r="K31" s="16"/>
      <c r="L31" s="16"/>
      <c r="M31" s="16"/>
      <c r="N31" s="16"/>
      <c r="O31" s="16"/>
      <c r="P31" s="16"/>
      <c r="Q31" s="16"/>
      <c r="R31" s="16"/>
      <c r="S31" s="16"/>
      <c r="T31" s="16"/>
      <c r="U31" s="16"/>
      <c r="V31" s="16"/>
      <c r="W31" s="16"/>
      <c r="X31" s="16"/>
      <c r="Y31" s="16"/>
      <c r="Z31" s="16"/>
      <c r="AA31" s="16"/>
      <c r="AB31" s="16"/>
      <c r="AC31" s="16"/>
      <c r="AD31" s="16"/>
    </row>
    <row r="32" spans="2:30" ht="24" customHeight="1" x14ac:dyDescent="0.35">
      <c r="B32" s="216"/>
      <c r="C32" s="79"/>
      <c r="D32" s="50" t="s">
        <v>155</v>
      </c>
      <c r="E32" s="101">
        <v>1</v>
      </c>
      <c r="F32" s="183"/>
      <c r="G32" s="185"/>
      <c r="H32" s="16"/>
      <c r="I32" s="16"/>
      <c r="J32" s="16"/>
      <c r="K32" s="16"/>
      <c r="L32" s="16"/>
      <c r="M32" s="16"/>
      <c r="N32" s="16"/>
      <c r="O32" s="16"/>
      <c r="P32" s="16"/>
      <c r="Q32" s="16"/>
      <c r="R32" s="16"/>
      <c r="S32" s="16"/>
      <c r="T32" s="16"/>
      <c r="U32" s="16"/>
      <c r="V32" s="16"/>
      <c r="W32" s="16"/>
      <c r="X32" s="16"/>
      <c r="Y32" s="16"/>
      <c r="Z32" s="16"/>
      <c r="AA32" s="16"/>
      <c r="AB32" s="16"/>
      <c r="AC32" s="16"/>
      <c r="AD32" s="16"/>
    </row>
    <row r="33" spans="1:32" ht="24" customHeight="1" x14ac:dyDescent="0.35">
      <c r="B33" s="216"/>
      <c r="C33" s="79"/>
      <c r="D33" s="50" t="s">
        <v>156</v>
      </c>
      <c r="E33" s="97">
        <v>26</v>
      </c>
      <c r="F33" s="183"/>
      <c r="G33" s="185"/>
      <c r="H33" s="16"/>
      <c r="I33" s="16"/>
      <c r="J33" s="16"/>
      <c r="K33" s="16"/>
      <c r="L33" s="16"/>
      <c r="M33" s="16"/>
      <c r="N33" s="16"/>
      <c r="O33" s="16"/>
      <c r="P33" s="16"/>
      <c r="Q33" s="16"/>
      <c r="R33" s="16"/>
      <c r="S33" s="16"/>
      <c r="T33" s="16"/>
      <c r="U33" s="16"/>
      <c r="V33" s="16"/>
      <c r="W33" s="16"/>
      <c r="X33" s="16"/>
      <c r="Y33" s="16"/>
      <c r="Z33" s="16"/>
      <c r="AA33" s="16"/>
      <c r="AB33" s="16"/>
      <c r="AC33" s="16"/>
      <c r="AD33" s="16"/>
    </row>
    <row r="34" spans="1:32" ht="24" customHeight="1" x14ac:dyDescent="0.35">
      <c r="B34" s="216"/>
      <c r="C34" s="79"/>
      <c r="D34" s="50" t="s">
        <v>157</v>
      </c>
      <c r="E34" s="97">
        <v>0</v>
      </c>
      <c r="F34" s="186"/>
      <c r="G34" s="188"/>
      <c r="H34" s="16"/>
      <c r="I34" s="16"/>
      <c r="J34" s="16"/>
      <c r="K34" s="16"/>
      <c r="L34" s="16"/>
      <c r="M34" s="16"/>
      <c r="N34" s="16"/>
      <c r="O34" s="16"/>
      <c r="P34" s="16"/>
      <c r="Q34" s="16"/>
      <c r="R34" s="16"/>
      <c r="S34" s="16"/>
      <c r="T34" s="16"/>
      <c r="U34" s="16"/>
      <c r="V34" s="16"/>
      <c r="W34" s="16"/>
      <c r="X34" s="16"/>
      <c r="Y34" s="16"/>
      <c r="Z34" s="16"/>
      <c r="AA34" s="16"/>
      <c r="AB34" s="16"/>
      <c r="AC34" s="16"/>
      <c r="AD34" s="16"/>
    </row>
    <row r="35" spans="1:32" ht="24.65" customHeight="1" x14ac:dyDescent="0.35">
      <c r="B35" s="216"/>
      <c r="C35" s="79"/>
      <c r="D35" s="50"/>
      <c r="E35" s="15"/>
      <c r="F35" s="15"/>
      <c r="G35" s="16"/>
      <c r="H35" s="16"/>
      <c r="I35" s="16"/>
      <c r="J35" s="16"/>
      <c r="K35" s="16"/>
      <c r="L35" s="16"/>
      <c r="M35" s="16"/>
      <c r="N35" s="16"/>
      <c r="O35" s="16"/>
      <c r="P35" s="16"/>
      <c r="Q35" s="16"/>
      <c r="R35" s="16"/>
      <c r="S35" s="16"/>
      <c r="T35" s="16"/>
      <c r="U35" s="16"/>
      <c r="V35" s="16"/>
      <c r="W35" s="16"/>
      <c r="X35" s="16"/>
      <c r="Y35" s="16"/>
      <c r="Z35" s="16"/>
      <c r="AA35" s="16"/>
      <c r="AB35" s="16"/>
      <c r="AC35" s="16"/>
      <c r="AD35" s="16"/>
    </row>
    <row r="36" spans="1:32" ht="14.75" customHeight="1" x14ac:dyDescent="0.35">
      <c r="B36" s="216"/>
      <c r="C36" s="79"/>
      <c r="D36" s="16"/>
      <c r="E36" s="15"/>
      <c r="F36" s="15"/>
      <c r="G36" s="16"/>
      <c r="H36" s="16"/>
      <c r="I36" s="16"/>
      <c r="J36" s="16"/>
      <c r="K36" s="16"/>
      <c r="L36" s="16"/>
      <c r="M36" s="16"/>
      <c r="N36" s="16"/>
      <c r="O36" s="16"/>
      <c r="P36" s="16"/>
      <c r="Q36" s="16"/>
      <c r="R36" s="16"/>
      <c r="S36" s="16"/>
      <c r="T36" s="16"/>
      <c r="U36" s="16"/>
      <c r="V36" s="16"/>
      <c r="W36" s="16"/>
      <c r="X36" s="16"/>
      <c r="Y36" s="16"/>
      <c r="Z36" s="16"/>
      <c r="AA36" s="16"/>
      <c r="AB36" s="16"/>
      <c r="AC36" s="16"/>
      <c r="AD36" s="16"/>
    </row>
    <row r="37" spans="1:32" ht="24.5" customHeight="1" x14ac:dyDescent="0.35">
      <c r="B37" s="216"/>
      <c r="C37" s="80" t="s">
        <v>158</v>
      </c>
      <c r="D37" s="51" t="s">
        <v>159</v>
      </c>
      <c r="E37" s="103" t="s">
        <v>142</v>
      </c>
      <c r="F37" s="137"/>
      <c r="G37" s="47"/>
      <c r="H37" s="16"/>
      <c r="I37" s="16"/>
      <c r="J37" s="16"/>
      <c r="K37" s="16"/>
      <c r="L37" s="16"/>
      <c r="M37" s="16"/>
      <c r="N37" s="16"/>
      <c r="O37" s="16"/>
      <c r="P37" s="16"/>
      <c r="Q37" s="16"/>
      <c r="R37" s="16"/>
      <c r="S37" s="16"/>
      <c r="T37" s="16"/>
      <c r="U37" s="16"/>
      <c r="V37" s="16"/>
      <c r="W37" s="16"/>
      <c r="X37" s="16"/>
      <c r="Y37" s="16"/>
      <c r="Z37" s="16"/>
      <c r="AA37" s="16"/>
      <c r="AB37" s="16"/>
      <c r="AC37" s="16"/>
      <c r="AD37" s="16"/>
    </row>
    <row r="38" spans="1:32" ht="24.5" customHeight="1" x14ac:dyDescent="0.35">
      <c r="B38" s="216"/>
      <c r="C38" s="79"/>
      <c r="D38" s="50" t="s">
        <v>160</v>
      </c>
      <c r="E38" s="100">
        <v>9</v>
      </c>
      <c r="F38" s="228" t="s">
        <v>161</v>
      </c>
      <c r="G38" s="229"/>
      <c r="H38" s="16"/>
      <c r="I38" s="16"/>
      <c r="J38" s="16"/>
      <c r="K38" s="16"/>
      <c r="L38" s="16"/>
      <c r="M38" s="16"/>
      <c r="N38" s="16"/>
      <c r="O38" s="16"/>
      <c r="P38" s="16"/>
      <c r="Q38" s="16"/>
      <c r="R38" s="16"/>
      <c r="S38" s="16"/>
      <c r="T38" s="16"/>
      <c r="U38" s="16"/>
      <c r="V38" s="16"/>
      <c r="W38" s="16"/>
      <c r="X38" s="16"/>
      <c r="Y38" s="16"/>
      <c r="Z38" s="16"/>
      <c r="AA38" s="16"/>
      <c r="AB38" s="16"/>
      <c r="AC38" s="16"/>
      <c r="AD38" s="16"/>
    </row>
    <row r="39" spans="1:32" ht="24.5" customHeight="1" x14ac:dyDescent="0.35">
      <c r="B39" s="216"/>
      <c r="C39" s="79"/>
      <c r="D39" s="50" t="s">
        <v>162</v>
      </c>
      <c r="E39" s="100">
        <v>12</v>
      </c>
      <c r="F39" s="230"/>
      <c r="G39" s="229"/>
      <c r="H39" s="16"/>
      <c r="I39" s="16"/>
      <c r="J39" s="16"/>
      <c r="K39" s="16"/>
      <c r="L39" s="16"/>
      <c r="M39" s="16"/>
      <c r="N39" s="16"/>
      <c r="O39" s="16"/>
      <c r="P39" s="16"/>
      <c r="Q39" s="16"/>
      <c r="R39" s="16"/>
      <c r="S39" s="16"/>
      <c r="T39" s="16"/>
      <c r="U39" s="16"/>
      <c r="V39" s="16"/>
      <c r="W39" s="16"/>
      <c r="X39" s="16"/>
      <c r="Y39" s="16"/>
      <c r="Z39" s="16"/>
      <c r="AA39" s="16"/>
      <c r="AB39" s="16"/>
      <c r="AC39" s="16"/>
      <c r="AD39" s="16"/>
    </row>
    <row r="40" spans="1:32" ht="24.5" customHeight="1" x14ac:dyDescent="0.35">
      <c r="B40" s="216"/>
      <c r="C40" s="79"/>
      <c r="D40" s="50" t="s">
        <v>163</v>
      </c>
      <c r="E40" s="100">
        <v>21</v>
      </c>
      <c r="F40" s="231"/>
      <c r="G40" s="232"/>
      <c r="H40" s="16"/>
      <c r="I40" s="16"/>
      <c r="J40" s="16"/>
      <c r="K40" s="16"/>
      <c r="L40" s="16"/>
      <c r="M40" s="16"/>
      <c r="N40" s="16"/>
      <c r="O40" s="16"/>
      <c r="P40" s="16"/>
      <c r="Q40" s="16"/>
      <c r="R40" s="16"/>
      <c r="S40" s="16"/>
      <c r="T40" s="16"/>
      <c r="U40" s="16"/>
      <c r="V40" s="16"/>
      <c r="W40" s="16"/>
      <c r="X40" s="16"/>
      <c r="Y40" s="16"/>
      <c r="Z40" s="16"/>
      <c r="AA40" s="16"/>
      <c r="AB40" s="16"/>
      <c r="AC40" s="16"/>
      <c r="AD40" s="16"/>
    </row>
    <row r="41" spans="1:32" ht="24.65" customHeight="1" x14ac:dyDescent="0.35">
      <c r="B41" s="216"/>
      <c r="C41" s="79"/>
      <c r="D41" s="50"/>
      <c r="E41" s="95" t="str">
        <f>IF(SUM(E38:E40)=$E$21,"Check","Error")</f>
        <v>Check</v>
      </c>
      <c r="F41" s="15"/>
      <c r="G41" s="16"/>
      <c r="H41" s="16"/>
      <c r="I41" s="16"/>
      <c r="J41" s="16"/>
      <c r="K41" s="16"/>
      <c r="L41" s="16"/>
      <c r="M41" s="16"/>
      <c r="N41" s="16"/>
      <c r="O41" s="16"/>
      <c r="P41" s="16"/>
      <c r="Q41" s="16"/>
      <c r="R41" s="16"/>
      <c r="S41" s="16"/>
      <c r="T41" s="16"/>
      <c r="U41" s="16"/>
      <c r="V41" s="16"/>
      <c r="W41" s="16"/>
      <c r="X41" s="16"/>
      <c r="Y41" s="16"/>
      <c r="Z41" s="16"/>
      <c r="AA41" s="16"/>
      <c r="AB41" s="16"/>
      <c r="AC41" s="16"/>
      <c r="AD41" s="16"/>
    </row>
    <row r="42" spans="1:32" x14ac:dyDescent="0.35">
      <c r="B42" s="216"/>
      <c r="C42" s="79"/>
      <c r="E42" s="16"/>
      <c r="F42" s="138">
        <f>SUM(E38:E40)</f>
        <v>42</v>
      </c>
      <c r="G42" s="16"/>
      <c r="H42" s="16"/>
      <c r="I42" s="16"/>
      <c r="J42" s="16"/>
      <c r="K42" s="16"/>
      <c r="L42" s="16"/>
      <c r="M42" s="16"/>
      <c r="N42" s="16"/>
      <c r="O42" s="16"/>
      <c r="P42" s="16"/>
      <c r="Q42" s="16"/>
      <c r="R42" s="16"/>
      <c r="S42" s="16"/>
      <c r="T42" s="16"/>
      <c r="U42" s="16"/>
      <c r="V42" s="16"/>
      <c r="W42" s="16"/>
      <c r="X42" s="16"/>
      <c r="Y42" s="16"/>
      <c r="Z42" s="16"/>
      <c r="AA42" s="16"/>
      <c r="AB42" s="16"/>
      <c r="AC42" s="16"/>
      <c r="AD42" s="16"/>
    </row>
    <row r="43" spans="1:32" ht="24.5" customHeight="1" x14ac:dyDescent="0.35">
      <c r="B43" s="216"/>
      <c r="C43" s="80" t="s">
        <v>164</v>
      </c>
      <c r="D43" s="51" t="s">
        <v>165</v>
      </c>
      <c r="E43" s="103" t="s">
        <v>142</v>
      </c>
      <c r="F43" s="16"/>
      <c r="G43" s="16"/>
      <c r="H43" s="16"/>
      <c r="I43" s="16"/>
      <c r="J43" s="16"/>
      <c r="K43" s="16"/>
      <c r="L43" s="16"/>
      <c r="M43" s="16"/>
      <c r="N43" s="16"/>
      <c r="O43" s="16"/>
      <c r="P43" s="16"/>
      <c r="Q43" s="16"/>
      <c r="R43" s="16"/>
      <c r="S43" s="16"/>
      <c r="T43" s="16"/>
      <c r="U43" s="16"/>
      <c r="V43" s="16"/>
      <c r="W43" s="16"/>
      <c r="X43" s="16"/>
      <c r="Y43" s="16"/>
      <c r="Z43" s="16"/>
      <c r="AA43" s="16"/>
      <c r="AB43" s="16"/>
      <c r="AC43" s="16"/>
      <c r="AD43" s="16"/>
    </row>
    <row r="44" spans="1:32" ht="24.5" customHeight="1" x14ac:dyDescent="0.35">
      <c r="B44" s="216"/>
      <c r="C44" s="79"/>
      <c r="D44" s="50" t="s">
        <v>166</v>
      </c>
      <c r="E44" s="97">
        <v>10</v>
      </c>
      <c r="F44" s="233" t="s">
        <v>167</v>
      </c>
      <c r="G44" s="234"/>
      <c r="H44" s="16"/>
      <c r="I44" s="16"/>
      <c r="J44" s="16"/>
      <c r="K44" s="16"/>
      <c r="L44" s="16"/>
      <c r="M44" s="16"/>
      <c r="N44" s="16"/>
      <c r="O44" s="16"/>
      <c r="P44" s="16"/>
      <c r="Q44" s="16"/>
      <c r="R44" s="16"/>
      <c r="S44" s="16"/>
      <c r="T44" s="16"/>
      <c r="U44" s="16"/>
      <c r="V44" s="16"/>
      <c r="W44" s="16"/>
      <c r="X44" s="16"/>
      <c r="Y44" s="16"/>
      <c r="Z44" s="16"/>
      <c r="AA44" s="16"/>
      <c r="AB44" s="16"/>
      <c r="AC44" s="16"/>
      <c r="AD44" s="16"/>
    </row>
    <row r="45" spans="1:32" ht="24.5" customHeight="1" x14ac:dyDescent="0.35">
      <c r="B45" s="216"/>
      <c r="C45" s="79"/>
      <c r="D45" s="50" t="s">
        <v>168</v>
      </c>
      <c r="E45" s="97">
        <v>32</v>
      </c>
      <c r="F45" s="235"/>
      <c r="G45" s="236"/>
      <c r="H45" s="16"/>
      <c r="I45" s="16"/>
      <c r="J45" s="16"/>
      <c r="K45" s="16"/>
      <c r="L45" s="16"/>
      <c r="M45" s="16"/>
      <c r="N45" s="16"/>
      <c r="O45" s="16"/>
      <c r="P45" s="16"/>
      <c r="Q45" s="16"/>
      <c r="R45" s="16"/>
      <c r="S45" s="16"/>
      <c r="T45" s="16"/>
      <c r="U45" s="16"/>
      <c r="V45" s="16"/>
      <c r="W45" s="16"/>
      <c r="X45" s="16"/>
      <c r="Y45" s="16"/>
      <c r="Z45" s="16"/>
      <c r="AA45" s="16"/>
      <c r="AB45" s="16"/>
      <c r="AC45" s="16"/>
      <c r="AD45" s="16"/>
    </row>
    <row r="46" spans="1:32" ht="24.65" customHeight="1" x14ac:dyDescent="0.35">
      <c r="B46" s="216"/>
      <c r="C46" s="79"/>
      <c r="D46" s="50"/>
      <c r="E46" s="95" t="str">
        <f>IF(SUM(E44:E45)=$E$21,"Check","Error")</f>
        <v>Check</v>
      </c>
      <c r="F46" s="15"/>
      <c r="G46" s="16"/>
      <c r="H46" s="16"/>
      <c r="I46" s="16"/>
      <c r="J46" s="16"/>
      <c r="K46" s="16"/>
      <c r="L46" s="16"/>
      <c r="M46" s="16"/>
      <c r="N46" s="16"/>
      <c r="O46" s="16"/>
      <c r="P46" s="16"/>
      <c r="Q46" s="16"/>
      <c r="R46" s="16"/>
      <c r="S46" s="16"/>
      <c r="T46" s="16"/>
      <c r="U46" s="16"/>
      <c r="V46" s="16"/>
      <c r="W46" s="16"/>
      <c r="X46" s="16"/>
      <c r="Y46" s="16"/>
      <c r="Z46" s="16"/>
      <c r="AA46" s="16"/>
      <c r="AB46" s="16"/>
      <c r="AC46" s="16"/>
      <c r="AD46" s="16"/>
    </row>
    <row r="47" spans="1:32" x14ac:dyDescent="0.35">
      <c r="B47" s="216"/>
      <c r="C47" s="56"/>
      <c r="F47" s="14"/>
      <c r="H47" s="16"/>
      <c r="I47" s="16"/>
      <c r="J47" s="16"/>
      <c r="K47" s="16"/>
      <c r="L47" s="16"/>
      <c r="M47" s="16"/>
      <c r="N47" s="16"/>
      <c r="O47" s="16"/>
      <c r="P47" s="16"/>
      <c r="Q47" s="16"/>
      <c r="R47" s="16"/>
      <c r="S47" s="16"/>
      <c r="T47" s="16"/>
      <c r="U47" s="16"/>
      <c r="V47" s="16"/>
      <c r="W47" s="16"/>
      <c r="X47" s="16"/>
      <c r="Y47" s="16"/>
      <c r="Z47" s="16"/>
      <c r="AA47" s="16"/>
      <c r="AB47" s="16"/>
      <c r="AC47" s="16"/>
      <c r="AD47" s="16"/>
    </row>
    <row r="48" spans="1:32" s="57" customFormat="1" x14ac:dyDescent="0.35">
      <c r="A48" s="27"/>
      <c r="B48" s="16"/>
      <c r="C48" s="81"/>
      <c r="D48" s="16"/>
      <c r="E48" s="16"/>
      <c r="F48" s="3"/>
      <c r="G48" s="3"/>
      <c r="H48" s="16"/>
      <c r="I48" s="16"/>
      <c r="J48" s="16"/>
      <c r="K48" s="16"/>
      <c r="L48" s="16"/>
      <c r="M48" s="16"/>
      <c r="N48" s="16"/>
      <c r="O48" s="16"/>
      <c r="P48" s="16"/>
      <c r="Q48" s="16"/>
      <c r="R48" s="16"/>
      <c r="S48" s="16"/>
      <c r="T48" s="16"/>
      <c r="U48" s="16"/>
      <c r="V48" s="16"/>
      <c r="W48" s="16"/>
      <c r="X48" s="16"/>
      <c r="Y48" s="16"/>
      <c r="Z48" s="16"/>
      <c r="AA48" s="16"/>
      <c r="AB48" s="16"/>
      <c r="AC48" s="16"/>
      <c r="AD48" s="16"/>
      <c r="AE48" s="16"/>
      <c r="AF48" s="16"/>
    </row>
    <row r="49" spans="1:32" s="57" customFormat="1" x14ac:dyDescent="0.35">
      <c r="A49" s="27"/>
      <c r="B49" s="16"/>
      <c r="C49" s="81"/>
      <c r="D49" s="16"/>
      <c r="E49" s="16"/>
      <c r="F49" s="16"/>
      <c r="G49" s="16"/>
      <c r="H49" s="16"/>
      <c r="I49" s="16"/>
      <c r="J49" s="16"/>
      <c r="K49" s="16"/>
      <c r="L49" s="16"/>
      <c r="M49" s="16"/>
      <c r="N49" s="16"/>
      <c r="O49" s="16"/>
      <c r="P49" s="16"/>
      <c r="Q49" s="16"/>
      <c r="R49" s="16"/>
      <c r="S49" s="16"/>
      <c r="T49" s="16"/>
      <c r="U49" s="16"/>
      <c r="V49" s="16"/>
      <c r="W49" s="16"/>
      <c r="X49" s="16"/>
      <c r="Y49" s="16"/>
      <c r="Z49" s="16"/>
      <c r="AA49" s="16"/>
      <c r="AB49" s="16"/>
      <c r="AC49" s="16"/>
      <c r="AD49" s="16"/>
      <c r="AE49" s="16"/>
      <c r="AF49" s="16"/>
    </row>
    <row r="50" spans="1:32" s="58" customFormat="1" ht="14.75" customHeight="1" x14ac:dyDescent="0.35">
      <c r="A50" s="2"/>
      <c r="B50" s="197" t="s">
        <v>169</v>
      </c>
      <c r="C50" s="82"/>
      <c r="D50" s="16"/>
      <c r="E50" s="16"/>
      <c r="F50" s="16"/>
      <c r="G50" s="16"/>
      <c r="H50" s="16"/>
      <c r="I50" s="16"/>
      <c r="J50" s="16"/>
      <c r="K50" s="16"/>
      <c r="L50" s="16"/>
      <c r="M50" s="16"/>
      <c r="N50" s="16"/>
      <c r="O50" s="16"/>
      <c r="P50" s="16"/>
      <c r="Q50" s="16"/>
      <c r="R50" s="16"/>
      <c r="S50" s="16"/>
      <c r="T50" s="16"/>
      <c r="U50" s="16"/>
      <c r="V50" s="16"/>
      <c r="W50" s="16"/>
      <c r="X50" s="16"/>
      <c r="Y50" s="16"/>
      <c r="Z50" s="16"/>
      <c r="AA50" s="16"/>
      <c r="AB50" s="16"/>
      <c r="AC50" s="16"/>
      <c r="AD50" s="16"/>
      <c r="AE50" s="16"/>
      <c r="AF50" s="16"/>
    </row>
    <row r="51" spans="1:32" ht="24.5" customHeight="1" x14ac:dyDescent="0.35">
      <c r="B51" s="197"/>
      <c r="C51" s="80" t="s">
        <v>170</v>
      </c>
      <c r="D51" s="51" t="s">
        <v>171</v>
      </c>
      <c r="E51" s="103" t="s">
        <v>142</v>
      </c>
      <c r="F51" s="16"/>
      <c r="G51" s="16"/>
      <c r="H51" s="16"/>
      <c r="I51" s="16"/>
      <c r="J51" s="16"/>
      <c r="K51" s="16"/>
      <c r="L51" s="16"/>
      <c r="M51" s="16"/>
      <c r="N51" s="16"/>
      <c r="O51" s="16"/>
      <c r="P51" s="16"/>
      <c r="Q51" s="16"/>
      <c r="R51" s="16"/>
      <c r="S51" s="16"/>
      <c r="T51" s="16"/>
      <c r="U51" s="16"/>
      <c r="V51" s="16"/>
      <c r="W51" s="16"/>
      <c r="X51" s="16"/>
      <c r="Y51" s="16"/>
      <c r="Z51" s="16"/>
      <c r="AA51" s="16"/>
      <c r="AB51" s="16"/>
      <c r="AC51" s="16"/>
      <c r="AD51" s="16"/>
      <c r="AE51" s="16"/>
      <c r="AF51" s="16"/>
    </row>
    <row r="52" spans="1:32" ht="24.5" customHeight="1" x14ac:dyDescent="0.35">
      <c r="B52" s="197"/>
      <c r="C52" s="82"/>
      <c r="D52" s="50" t="s">
        <v>172</v>
      </c>
      <c r="E52" s="97">
        <v>0</v>
      </c>
      <c r="F52" s="222" t="s">
        <v>153</v>
      </c>
      <c r="G52" s="223"/>
      <c r="H52" s="88"/>
      <c r="I52" s="16"/>
      <c r="J52" s="16"/>
      <c r="K52" s="16"/>
      <c r="L52" s="16"/>
      <c r="M52" s="16"/>
      <c r="N52" s="16"/>
      <c r="O52" s="16"/>
      <c r="P52" s="16"/>
      <c r="Q52" s="16"/>
      <c r="R52" s="16"/>
      <c r="S52" s="16"/>
      <c r="T52" s="16"/>
      <c r="U52" s="16"/>
      <c r="V52" s="16"/>
      <c r="W52" s="16"/>
      <c r="X52" s="16"/>
      <c r="Y52" s="16"/>
      <c r="Z52" s="16"/>
      <c r="AA52" s="16"/>
      <c r="AB52" s="16"/>
      <c r="AC52" s="16"/>
      <c r="AD52" s="16"/>
      <c r="AE52" s="16"/>
      <c r="AF52" s="16"/>
    </row>
    <row r="53" spans="1:32" ht="24.5" customHeight="1" x14ac:dyDescent="0.35">
      <c r="B53" s="197"/>
      <c r="C53" s="82"/>
      <c r="D53" s="50" t="s">
        <v>173</v>
      </c>
      <c r="E53" s="97">
        <v>25</v>
      </c>
      <c r="F53" s="224"/>
      <c r="G53" s="225"/>
      <c r="H53" s="88"/>
      <c r="I53" s="16"/>
      <c r="J53" s="16"/>
      <c r="K53" s="16"/>
      <c r="L53" s="16"/>
      <c r="M53" s="16"/>
      <c r="N53" s="16"/>
      <c r="O53" s="16"/>
      <c r="P53" s="16"/>
      <c r="Q53" s="16"/>
      <c r="R53" s="16"/>
      <c r="S53" s="16"/>
      <c r="T53" s="16"/>
      <c r="U53" s="16"/>
      <c r="V53" s="16"/>
      <c r="W53" s="16"/>
      <c r="X53" s="16"/>
      <c r="Y53" s="16"/>
      <c r="Z53" s="16"/>
      <c r="AA53" s="16"/>
      <c r="AB53" s="16"/>
      <c r="AC53" s="16"/>
      <c r="AD53" s="16"/>
      <c r="AE53" s="16"/>
      <c r="AF53" s="16"/>
    </row>
    <row r="54" spans="1:32" ht="24.5" customHeight="1" x14ac:dyDescent="0.35">
      <c r="B54" s="197"/>
      <c r="C54" s="82"/>
      <c r="D54" s="50" t="s">
        <v>174</v>
      </c>
      <c r="E54" s="97">
        <v>16</v>
      </c>
      <c r="F54" s="224"/>
      <c r="G54" s="225"/>
      <c r="H54" s="88"/>
      <c r="I54" s="16"/>
      <c r="J54" s="16"/>
      <c r="K54" s="16"/>
      <c r="L54" s="16"/>
      <c r="M54" s="16"/>
      <c r="N54" s="16"/>
      <c r="O54" s="16"/>
      <c r="P54" s="16"/>
      <c r="Q54" s="16"/>
      <c r="R54" s="16"/>
      <c r="S54" s="16"/>
      <c r="T54" s="16"/>
      <c r="U54" s="16"/>
      <c r="V54" s="16"/>
      <c r="W54" s="16"/>
      <c r="X54" s="16"/>
      <c r="Y54" s="16"/>
      <c r="Z54" s="16"/>
      <c r="AA54" s="16"/>
      <c r="AB54" s="16"/>
      <c r="AC54" s="16"/>
      <c r="AD54" s="16"/>
      <c r="AE54" s="16"/>
      <c r="AF54" s="16"/>
    </row>
    <row r="55" spans="1:32" ht="24.5" customHeight="1" x14ac:dyDescent="0.35">
      <c r="B55" s="197"/>
      <c r="C55" s="82"/>
      <c r="D55" s="50" t="s">
        <v>175</v>
      </c>
      <c r="E55" s="97">
        <v>23</v>
      </c>
      <c r="F55" s="226"/>
      <c r="G55" s="227"/>
      <c r="H55" s="88"/>
      <c r="I55" s="16"/>
      <c r="J55" s="16"/>
      <c r="K55" s="16"/>
      <c r="L55" s="16"/>
      <c r="M55" s="16"/>
      <c r="N55" s="16"/>
      <c r="O55" s="16"/>
      <c r="P55" s="16"/>
      <c r="Q55" s="16"/>
      <c r="R55" s="16"/>
      <c r="S55" s="16"/>
      <c r="T55" s="16"/>
      <c r="U55" s="16"/>
      <c r="V55" s="16"/>
      <c r="W55" s="16"/>
      <c r="X55" s="16"/>
      <c r="Y55" s="16"/>
      <c r="Z55" s="16"/>
      <c r="AA55" s="16"/>
      <c r="AB55" s="16"/>
      <c r="AC55" s="16"/>
      <c r="AD55" s="16"/>
      <c r="AE55" s="16"/>
      <c r="AF55" s="16"/>
    </row>
    <row r="56" spans="1:32" ht="24.65" customHeight="1" x14ac:dyDescent="0.35">
      <c r="B56" s="197"/>
      <c r="C56" s="79"/>
      <c r="D56" s="50"/>
      <c r="E56" s="15"/>
      <c r="F56" s="15"/>
      <c r="G56" s="16"/>
      <c r="H56" s="16"/>
      <c r="I56" s="16"/>
      <c r="J56" s="16"/>
      <c r="K56" s="16"/>
      <c r="L56" s="16"/>
      <c r="M56" s="16"/>
      <c r="N56" s="16"/>
      <c r="O56" s="16"/>
      <c r="P56" s="16"/>
      <c r="Q56" s="16"/>
      <c r="R56" s="16"/>
      <c r="S56" s="16"/>
      <c r="T56" s="16"/>
      <c r="U56" s="16"/>
      <c r="V56" s="16"/>
      <c r="W56" s="16"/>
      <c r="X56" s="16"/>
      <c r="Y56" s="16"/>
      <c r="Z56" s="16"/>
      <c r="AA56" s="16"/>
      <c r="AB56" s="16"/>
      <c r="AC56" s="16"/>
      <c r="AD56" s="16"/>
    </row>
    <row r="57" spans="1:32" ht="15" customHeight="1" x14ac:dyDescent="0.35">
      <c r="B57" s="197"/>
      <c r="C57" s="82"/>
      <c r="D57" s="16"/>
      <c r="E57" s="16"/>
      <c r="F57" s="16"/>
      <c r="G57" s="16"/>
      <c r="H57" s="16"/>
      <c r="I57" s="16"/>
      <c r="J57" s="16"/>
      <c r="K57" s="16"/>
      <c r="L57" s="16"/>
      <c r="M57" s="16"/>
      <c r="N57" s="16"/>
      <c r="O57" s="16"/>
      <c r="P57" s="16"/>
      <c r="Q57" s="16"/>
      <c r="R57" s="16"/>
      <c r="S57" s="16"/>
      <c r="T57" s="16"/>
      <c r="U57" s="16"/>
      <c r="V57" s="16"/>
      <c r="W57" s="16"/>
      <c r="X57" s="16"/>
      <c r="Y57" s="16"/>
      <c r="Z57" s="16"/>
      <c r="AA57" s="16"/>
      <c r="AB57" s="16"/>
      <c r="AC57" s="16"/>
      <c r="AD57" s="16"/>
      <c r="AE57" s="16"/>
      <c r="AF57" s="16"/>
    </row>
    <row r="58" spans="1:32" ht="24" customHeight="1" x14ac:dyDescent="0.35">
      <c r="B58" s="197"/>
      <c r="C58" s="82"/>
      <c r="D58" s="16"/>
      <c r="E58" s="103" t="s">
        <v>142</v>
      </c>
      <c r="F58" s="16"/>
      <c r="G58" s="16"/>
      <c r="H58" s="16"/>
      <c r="I58" s="16"/>
      <c r="J58" s="16"/>
      <c r="K58" s="16"/>
      <c r="L58" s="16"/>
      <c r="M58" s="16"/>
      <c r="N58" s="16"/>
      <c r="O58" s="16"/>
      <c r="P58" s="16"/>
      <c r="Q58" s="16"/>
      <c r="R58" s="16"/>
      <c r="S58" s="16"/>
      <c r="T58" s="16"/>
      <c r="U58" s="16"/>
      <c r="V58" s="16"/>
      <c r="W58" s="16"/>
      <c r="X58" s="16"/>
      <c r="Y58" s="16"/>
      <c r="Z58" s="16"/>
      <c r="AA58" s="16"/>
      <c r="AB58" s="16"/>
      <c r="AC58" s="16"/>
      <c r="AD58" s="16"/>
      <c r="AE58" s="16"/>
      <c r="AF58" s="16"/>
    </row>
    <row r="59" spans="1:32" ht="24" customHeight="1" x14ac:dyDescent="0.35">
      <c r="B59" s="197"/>
      <c r="C59" s="68" t="s">
        <v>176</v>
      </c>
      <c r="D59" s="16" t="s">
        <v>177</v>
      </c>
      <c r="E59" s="89">
        <v>36</v>
      </c>
      <c r="F59" s="27"/>
      <c r="G59" s="16"/>
      <c r="H59" s="16"/>
      <c r="I59" s="16"/>
      <c r="J59" s="16"/>
      <c r="K59" s="16"/>
      <c r="L59" s="16"/>
      <c r="M59" s="16"/>
      <c r="N59" s="16"/>
      <c r="O59" s="16"/>
      <c r="P59" s="16"/>
      <c r="Q59" s="16"/>
      <c r="R59" s="16"/>
      <c r="S59" s="16"/>
      <c r="T59" s="16"/>
      <c r="U59" s="16"/>
      <c r="V59" s="16"/>
      <c r="W59" s="16"/>
      <c r="X59" s="16"/>
      <c r="Y59" s="16"/>
      <c r="Z59" s="16"/>
      <c r="AA59" s="16"/>
      <c r="AB59" s="16"/>
      <c r="AC59" s="16"/>
      <c r="AD59" s="16"/>
      <c r="AE59" s="16"/>
      <c r="AF59" s="16"/>
    </row>
    <row r="60" spans="1:32" ht="15" customHeight="1" x14ac:dyDescent="0.35">
      <c r="B60" s="197"/>
      <c r="C60" s="82"/>
      <c r="D60" s="16"/>
      <c r="E60" s="16"/>
      <c r="F60" s="16"/>
      <c r="G60" s="16"/>
      <c r="H60" s="16"/>
      <c r="I60" s="16"/>
      <c r="J60" s="16"/>
      <c r="K60" s="16"/>
      <c r="L60" s="16"/>
      <c r="M60" s="16"/>
      <c r="N60" s="16"/>
      <c r="O60" s="16"/>
      <c r="P60" s="16"/>
      <c r="Q60" s="16"/>
      <c r="R60" s="16"/>
      <c r="S60" s="16"/>
      <c r="T60" s="16"/>
      <c r="U60" s="16"/>
      <c r="V60" s="16"/>
      <c r="W60" s="16"/>
      <c r="X60" s="16"/>
      <c r="Y60" s="16"/>
      <c r="Z60" s="16"/>
      <c r="AA60" s="16"/>
      <c r="AB60" s="16"/>
      <c r="AC60" s="16"/>
      <c r="AD60" s="16"/>
      <c r="AE60" s="16"/>
      <c r="AF60" s="16"/>
    </row>
    <row r="61" spans="1:32" ht="24" customHeight="1" x14ac:dyDescent="0.35">
      <c r="B61" s="197"/>
      <c r="C61" s="68" t="s">
        <v>178</v>
      </c>
      <c r="D61" s="51" t="s">
        <v>179</v>
      </c>
      <c r="E61" s="103" t="s">
        <v>142</v>
      </c>
      <c r="F61" s="16"/>
      <c r="G61" s="16"/>
      <c r="H61" s="16"/>
      <c r="I61" s="16"/>
      <c r="J61" s="16"/>
      <c r="K61" s="16"/>
      <c r="L61" s="16"/>
      <c r="M61" s="16"/>
      <c r="N61" s="16"/>
      <c r="O61" s="16"/>
      <c r="P61" s="16"/>
      <c r="Q61" s="16"/>
      <c r="R61" s="16"/>
      <c r="S61" s="16"/>
      <c r="T61" s="16"/>
      <c r="U61" s="16"/>
      <c r="V61" s="16"/>
      <c r="W61" s="16"/>
      <c r="X61" s="16"/>
      <c r="Y61" s="16"/>
      <c r="Z61" s="16"/>
      <c r="AA61" s="16"/>
      <c r="AB61" s="16"/>
      <c r="AC61" s="16"/>
      <c r="AD61" s="16"/>
      <c r="AE61" s="16"/>
      <c r="AF61" s="16"/>
    </row>
    <row r="62" spans="1:32" ht="24" customHeight="1" x14ac:dyDescent="0.35">
      <c r="B62" s="197"/>
      <c r="C62" s="82"/>
      <c r="D62" s="50" t="s">
        <v>180</v>
      </c>
      <c r="E62" s="97">
        <v>17</v>
      </c>
      <c r="F62" s="222" t="s">
        <v>181</v>
      </c>
      <c r="G62" s="223"/>
      <c r="H62" s="16"/>
      <c r="I62" s="16"/>
      <c r="J62" s="16"/>
      <c r="K62" s="16"/>
      <c r="L62" s="16"/>
      <c r="M62" s="16"/>
      <c r="N62" s="16"/>
      <c r="O62" s="16"/>
      <c r="P62" s="16"/>
      <c r="Q62" s="16"/>
      <c r="R62" s="16"/>
      <c r="S62" s="16"/>
      <c r="T62" s="16"/>
      <c r="U62" s="16"/>
      <c r="V62" s="16"/>
      <c r="W62" s="16"/>
      <c r="X62" s="16"/>
      <c r="Y62" s="16"/>
      <c r="Z62" s="16"/>
      <c r="AA62" s="16"/>
      <c r="AB62" s="16"/>
      <c r="AC62" s="16"/>
      <c r="AD62" s="16"/>
      <c r="AE62" s="16"/>
      <c r="AF62" s="16"/>
    </row>
    <row r="63" spans="1:32" ht="24" customHeight="1" x14ac:dyDescent="0.35">
      <c r="B63" s="197"/>
      <c r="C63" s="82"/>
      <c r="D63" s="50" t="s">
        <v>182</v>
      </c>
      <c r="E63" s="97">
        <v>1</v>
      </c>
      <c r="F63" s="224"/>
      <c r="G63" s="225"/>
      <c r="H63" s="16"/>
      <c r="I63" s="16"/>
      <c r="J63" s="16"/>
      <c r="K63" s="16"/>
      <c r="L63" s="16"/>
      <c r="M63" s="16"/>
      <c r="N63" s="16"/>
      <c r="O63" s="16"/>
      <c r="P63" s="16"/>
      <c r="Q63" s="16"/>
      <c r="R63" s="16"/>
      <c r="S63" s="16"/>
      <c r="T63" s="16"/>
      <c r="U63" s="16"/>
      <c r="V63" s="16"/>
      <c r="W63" s="16"/>
      <c r="X63" s="16"/>
      <c r="Y63" s="16"/>
      <c r="Z63" s="16"/>
      <c r="AA63" s="16"/>
      <c r="AB63" s="16"/>
      <c r="AC63" s="16"/>
      <c r="AD63" s="16"/>
      <c r="AE63" s="16"/>
      <c r="AF63" s="16"/>
    </row>
    <row r="64" spans="1:32" ht="24" customHeight="1" x14ac:dyDescent="0.35">
      <c r="B64" s="197"/>
      <c r="C64" s="82"/>
      <c r="D64" s="50" t="s">
        <v>183</v>
      </c>
      <c r="E64" s="97">
        <v>24</v>
      </c>
      <c r="F64" s="226"/>
      <c r="G64" s="227"/>
      <c r="H64" s="16"/>
      <c r="I64" s="16"/>
      <c r="J64" s="16"/>
      <c r="K64" s="16"/>
      <c r="L64" s="16"/>
      <c r="M64" s="16"/>
      <c r="N64" s="16"/>
      <c r="O64" s="16"/>
      <c r="P64" s="16"/>
      <c r="Q64" s="16"/>
      <c r="R64" s="16"/>
      <c r="S64" s="16"/>
      <c r="T64" s="16"/>
      <c r="U64" s="16"/>
      <c r="V64" s="16"/>
      <c r="W64" s="16"/>
      <c r="X64" s="16"/>
      <c r="Y64" s="16"/>
      <c r="Z64" s="16"/>
      <c r="AA64" s="16"/>
      <c r="AB64" s="16"/>
      <c r="AC64" s="16"/>
      <c r="AD64" s="16"/>
      <c r="AE64" s="16"/>
      <c r="AF64" s="16"/>
    </row>
    <row r="65" spans="2:32" ht="24.65" customHeight="1" x14ac:dyDescent="0.35">
      <c r="B65" s="197"/>
      <c r="C65" s="79"/>
      <c r="D65" s="50"/>
      <c r="E65" s="95" t="str">
        <f>IF(SUM(E62:E64)=$E$21,"Check","Error")</f>
        <v>Check</v>
      </c>
      <c r="F65" s="15"/>
      <c r="G65" s="16"/>
      <c r="H65" s="16"/>
      <c r="I65" s="16"/>
      <c r="J65" s="16"/>
      <c r="K65" s="16"/>
      <c r="L65" s="16"/>
      <c r="M65" s="16"/>
      <c r="N65" s="16"/>
      <c r="O65" s="16"/>
      <c r="P65" s="16"/>
      <c r="Q65" s="16"/>
      <c r="R65" s="16"/>
      <c r="S65" s="16"/>
      <c r="T65" s="16"/>
      <c r="U65" s="16"/>
      <c r="V65" s="16"/>
      <c r="W65" s="16"/>
      <c r="X65" s="16"/>
      <c r="Y65" s="16"/>
      <c r="Z65" s="16"/>
      <c r="AA65" s="16"/>
      <c r="AB65" s="16"/>
      <c r="AC65" s="16"/>
      <c r="AD65" s="16"/>
    </row>
    <row r="66" spans="2:32" ht="14" customHeight="1" x14ac:dyDescent="0.35">
      <c r="B66" s="197"/>
      <c r="C66" s="82"/>
      <c r="D66" s="16"/>
      <c r="E66" s="16"/>
      <c r="F66" s="16"/>
      <c r="G66" s="16"/>
      <c r="H66" s="16"/>
      <c r="I66" s="16"/>
      <c r="J66" s="16"/>
      <c r="K66" s="16"/>
      <c r="L66" s="16"/>
      <c r="M66" s="16"/>
      <c r="N66" s="16"/>
      <c r="O66" s="16"/>
      <c r="P66" s="16"/>
      <c r="Q66" s="16"/>
      <c r="R66" s="16"/>
      <c r="S66" s="16"/>
      <c r="T66" s="16"/>
      <c r="U66" s="16"/>
      <c r="V66" s="16"/>
      <c r="W66" s="16"/>
      <c r="X66" s="16"/>
      <c r="Y66" s="16"/>
      <c r="Z66" s="16"/>
      <c r="AA66" s="16"/>
      <c r="AB66" s="16"/>
      <c r="AC66" s="16"/>
      <c r="AD66" s="16"/>
      <c r="AE66" s="16"/>
      <c r="AF66" s="16"/>
    </row>
    <row r="67" spans="2:32" ht="24.5" customHeight="1" x14ac:dyDescent="0.35">
      <c r="B67" s="197"/>
      <c r="C67" s="68" t="s">
        <v>184</v>
      </c>
      <c r="D67" s="51" t="s">
        <v>185</v>
      </c>
      <c r="E67" s="103" t="s">
        <v>142</v>
      </c>
      <c r="F67" s="16"/>
      <c r="G67" s="16"/>
      <c r="H67" s="16"/>
      <c r="I67" s="16"/>
      <c r="J67" s="16"/>
      <c r="K67" s="16"/>
      <c r="L67" s="16"/>
      <c r="M67" s="16"/>
      <c r="N67" s="16"/>
      <c r="O67" s="16"/>
      <c r="P67" s="16"/>
      <c r="Q67" s="16"/>
      <c r="R67" s="16"/>
      <c r="S67" s="16"/>
      <c r="T67" s="16"/>
      <c r="U67" s="16"/>
      <c r="V67" s="16"/>
      <c r="W67" s="16"/>
      <c r="X67" s="16"/>
      <c r="Y67" s="16"/>
      <c r="Z67" s="16"/>
      <c r="AA67" s="16"/>
      <c r="AB67" s="16"/>
      <c r="AC67" s="16"/>
      <c r="AD67" s="16"/>
      <c r="AE67" s="16"/>
      <c r="AF67" s="16"/>
    </row>
    <row r="68" spans="2:32" ht="24.5" customHeight="1" x14ac:dyDescent="0.35">
      <c r="B68" s="197"/>
      <c r="C68" s="82"/>
      <c r="D68" s="50" t="s">
        <v>186</v>
      </c>
      <c r="E68" s="89">
        <v>9</v>
      </c>
      <c r="F68" s="222" t="s">
        <v>181</v>
      </c>
      <c r="G68" s="223"/>
      <c r="H68" s="16"/>
      <c r="I68" s="16"/>
      <c r="J68" s="16"/>
      <c r="K68" s="16"/>
      <c r="L68" s="16"/>
      <c r="M68" s="16"/>
      <c r="N68" s="16"/>
      <c r="O68" s="16"/>
      <c r="P68" s="16"/>
      <c r="Q68" s="16"/>
      <c r="R68" s="16"/>
      <c r="S68" s="16"/>
      <c r="T68" s="16"/>
      <c r="U68" s="16"/>
      <c r="V68" s="16"/>
      <c r="W68" s="16"/>
      <c r="X68" s="16"/>
      <c r="Y68" s="16"/>
      <c r="Z68" s="16"/>
      <c r="AA68" s="16"/>
      <c r="AB68" s="16"/>
      <c r="AC68" s="16"/>
      <c r="AD68" s="16"/>
      <c r="AE68" s="16"/>
      <c r="AF68" s="16"/>
    </row>
    <row r="69" spans="2:32" ht="24.5" customHeight="1" x14ac:dyDescent="0.35">
      <c r="B69" s="197"/>
      <c r="C69" s="82"/>
      <c r="D69" s="50" t="s">
        <v>187</v>
      </c>
      <c r="E69" s="89">
        <v>0</v>
      </c>
      <c r="F69" s="224"/>
      <c r="G69" s="225"/>
      <c r="H69" s="16"/>
      <c r="I69" s="16"/>
      <c r="J69" s="16"/>
      <c r="K69" s="16"/>
      <c r="L69" s="16"/>
      <c r="M69" s="16"/>
      <c r="N69" s="16"/>
      <c r="O69" s="16"/>
      <c r="P69" s="16"/>
      <c r="Q69" s="16"/>
      <c r="R69" s="16"/>
      <c r="S69" s="16"/>
      <c r="T69" s="16"/>
      <c r="U69" s="16"/>
      <c r="V69" s="16"/>
      <c r="W69" s="16"/>
      <c r="X69" s="16"/>
      <c r="Y69" s="16"/>
      <c r="Z69" s="16"/>
      <c r="AA69" s="16"/>
      <c r="AB69" s="16"/>
      <c r="AC69" s="16"/>
      <c r="AD69" s="16"/>
      <c r="AE69" s="16"/>
      <c r="AF69" s="16"/>
    </row>
    <row r="70" spans="2:32" ht="24.5" customHeight="1" x14ac:dyDescent="0.35">
      <c r="B70" s="197"/>
      <c r="C70" s="82"/>
      <c r="D70" s="50" t="s">
        <v>188</v>
      </c>
      <c r="E70" s="89">
        <v>33</v>
      </c>
      <c r="F70" s="226"/>
      <c r="G70" s="227"/>
      <c r="H70" s="16"/>
      <c r="I70" s="16"/>
      <c r="J70" s="16"/>
      <c r="K70" s="16"/>
      <c r="L70" s="16"/>
      <c r="M70" s="16"/>
      <c r="N70" s="16"/>
      <c r="O70" s="16"/>
      <c r="P70" s="16"/>
      <c r="Q70" s="16"/>
      <c r="R70" s="16"/>
      <c r="S70" s="16"/>
      <c r="T70" s="16"/>
      <c r="U70" s="16"/>
      <c r="V70" s="16"/>
      <c r="W70" s="16"/>
      <c r="X70" s="16"/>
      <c r="Y70" s="16"/>
      <c r="Z70" s="16"/>
      <c r="AA70" s="16"/>
      <c r="AB70" s="16"/>
      <c r="AC70" s="16"/>
      <c r="AD70" s="16"/>
      <c r="AE70" s="16"/>
      <c r="AF70" s="16"/>
    </row>
    <row r="71" spans="2:32" ht="24.65" customHeight="1" x14ac:dyDescent="0.35">
      <c r="B71" s="197"/>
      <c r="C71" s="79"/>
      <c r="D71" s="50"/>
      <c r="E71" s="95" t="str">
        <f>IF(SUM(E68:E70)=$E$21,"Check","Error")</f>
        <v>Check</v>
      </c>
      <c r="F71" s="15"/>
      <c r="G71" s="16"/>
      <c r="H71" s="16"/>
      <c r="I71" s="16"/>
      <c r="J71" s="16"/>
      <c r="K71" s="16"/>
      <c r="L71" s="16"/>
      <c r="M71" s="16"/>
      <c r="N71" s="16"/>
      <c r="O71" s="16"/>
      <c r="P71" s="16"/>
      <c r="Q71" s="16"/>
      <c r="R71" s="16"/>
      <c r="S71" s="16"/>
      <c r="T71" s="16"/>
      <c r="U71" s="16"/>
      <c r="V71" s="16"/>
      <c r="W71" s="16"/>
      <c r="X71" s="16"/>
      <c r="Y71" s="16"/>
      <c r="Z71" s="16"/>
      <c r="AA71" s="16"/>
      <c r="AB71" s="16"/>
      <c r="AC71" s="16"/>
      <c r="AD71" s="16"/>
    </row>
    <row r="72" spans="2:32" ht="15" customHeight="1" x14ac:dyDescent="0.35">
      <c r="B72" s="197"/>
      <c r="C72" s="82"/>
      <c r="D72" s="16"/>
      <c r="E72" s="16"/>
      <c r="F72" s="16"/>
      <c r="G72" s="16"/>
      <c r="H72" s="16"/>
      <c r="I72" s="16"/>
      <c r="J72" s="16"/>
      <c r="K72" s="16"/>
      <c r="L72" s="16"/>
      <c r="M72" s="16"/>
      <c r="N72" s="16"/>
      <c r="O72" s="16"/>
      <c r="P72" s="16"/>
      <c r="Q72" s="16"/>
      <c r="R72" s="16"/>
      <c r="S72" s="16"/>
      <c r="T72" s="16"/>
      <c r="U72" s="16"/>
      <c r="V72" s="16"/>
      <c r="W72" s="16"/>
      <c r="X72" s="16"/>
      <c r="Y72" s="16"/>
      <c r="Z72" s="16"/>
      <c r="AA72" s="16"/>
      <c r="AB72" s="16"/>
      <c r="AC72" s="16"/>
      <c r="AD72" s="16"/>
      <c r="AE72" s="16"/>
      <c r="AF72" s="16"/>
    </row>
    <row r="73" spans="2:32" ht="15" customHeight="1" x14ac:dyDescent="0.35">
      <c r="B73" s="197"/>
      <c r="C73" s="82"/>
      <c r="D73" s="16"/>
      <c r="E73" s="16"/>
      <c r="F73" s="219" t="s">
        <v>189</v>
      </c>
      <c r="G73" s="220"/>
      <c r="H73" s="221"/>
      <c r="I73" s="16"/>
      <c r="J73" s="16"/>
      <c r="K73" s="16"/>
      <c r="L73" s="16"/>
      <c r="M73" s="16"/>
      <c r="N73" s="16"/>
      <c r="O73" s="16"/>
      <c r="P73" s="16"/>
      <c r="Q73" s="16"/>
      <c r="R73" s="16"/>
      <c r="S73" s="16"/>
      <c r="T73" s="16"/>
      <c r="U73" s="16"/>
      <c r="V73" s="16"/>
      <c r="W73" s="16"/>
      <c r="X73" s="16"/>
      <c r="Y73" s="16"/>
      <c r="Z73" s="16"/>
      <c r="AA73" s="16"/>
      <c r="AB73" s="16"/>
      <c r="AC73" s="16"/>
      <c r="AD73" s="16"/>
      <c r="AE73" s="16"/>
      <c r="AF73" s="16"/>
    </row>
    <row r="74" spans="2:32" ht="32.75" customHeight="1" x14ac:dyDescent="0.35">
      <c r="B74" s="197"/>
      <c r="C74" s="68" t="s">
        <v>190</v>
      </c>
      <c r="D74" s="23" t="s">
        <v>191</v>
      </c>
      <c r="E74" s="111" t="s">
        <v>192</v>
      </c>
      <c r="F74" s="111" t="s">
        <v>193</v>
      </c>
      <c r="G74" s="111" t="s">
        <v>194</v>
      </c>
      <c r="H74" s="111" t="s">
        <v>195</v>
      </c>
      <c r="I74" s="16"/>
      <c r="J74" s="16"/>
      <c r="K74" s="16"/>
      <c r="L74" s="16"/>
      <c r="N74" s="16"/>
      <c r="O74" s="16"/>
      <c r="P74" s="16"/>
      <c r="Q74" s="16"/>
      <c r="R74" s="16"/>
      <c r="S74" s="16"/>
      <c r="T74" s="16"/>
      <c r="U74" s="16"/>
      <c r="V74" s="16"/>
      <c r="W74" s="16"/>
      <c r="X74" s="16"/>
      <c r="Y74" s="16"/>
      <c r="Z74" s="16"/>
      <c r="AA74" s="16"/>
      <c r="AB74" s="16"/>
      <c r="AC74" s="16"/>
      <c r="AD74" s="16"/>
      <c r="AE74" s="16"/>
      <c r="AF74" s="16"/>
    </row>
    <row r="75" spans="2:32" ht="23" customHeight="1" x14ac:dyDescent="0.35">
      <c r="B75" s="197"/>
      <c r="C75" s="68"/>
      <c r="D75" s="50" t="s">
        <v>196</v>
      </c>
      <c r="E75" s="133">
        <v>1489.7156668370417</v>
      </c>
      <c r="F75" s="133">
        <v>1064.1975308641975</v>
      </c>
      <c r="G75" s="135">
        <v>939.72310526195236</v>
      </c>
      <c r="H75" s="136">
        <v>1986.3620460111681</v>
      </c>
      <c r="I75" s="180" t="s">
        <v>197</v>
      </c>
      <c r="J75" s="182"/>
      <c r="K75" s="16"/>
      <c r="L75" s="16"/>
      <c r="M75" s="16"/>
      <c r="N75" s="16"/>
      <c r="O75" s="16"/>
      <c r="P75" s="16"/>
      <c r="Q75" s="16"/>
      <c r="R75" s="16"/>
      <c r="S75" s="16"/>
      <c r="T75" s="16"/>
      <c r="U75" s="16"/>
      <c r="V75" s="16"/>
      <c r="W75" s="16"/>
      <c r="X75" s="16"/>
      <c r="Y75" s="16"/>
      <c r="Z75" s="16"/>
      <c r="AA75" s="16"/>
      <c r="AB75" s="16"/>
      <c r="AC75" s="16"/>
      <c r="AD75" s="16"/>
      <c r="AE75" s="16"/>
      <c r="AF75" s="16"/>
    </row>
    <row r="76" spans="2:32" ht="23" customHeight="1" x14ac:dyDescent="0.35">
      <c r="B76" s="197"/>
      <c r="C76" s="82"/>
      <c r="D76" s="50" t="s">
        <v>198</v>
      </c>
      <c r="E76" s="133">
        <v>0</v>
      </c>
      <c r="F76" s="133">
        <v>0</v>
      </c>
      <c r="G76" s="135">
        <v>0</v>
      </c>
      <c r="H76" s="136">
        <v>0</v>
      </c>
      <c r="I76" s="183"/>
      <c r="J76" s="185"/>
      <c r="K76" s="16"/>
      <c r="L76" s="16"/>
      <c r="M76" s="16"/>
      <c r="N76" s="16"/>
      <c r="O76" s="16"/>
      <c r="P76" s="16"/>
      <c r="Q76" s="16"/>
      <c r="R76" s="16"/>
      <c r="S76" s="16"/>
      <c r="T76" s="16"/>
      <c r="U76" s="16"/>
      <c r="V76" s="16"/>
      <c r="W76" s="16"/>
      <c r="X76" s="16"/>
      <c r="Y76" s="16"/>
      <c r="Z76" s="16"/>
      <c r="AA76" s="16"/>
      <c r="AB76" s="16"/>
      <c r="AC76" s="16"/>
      <c r="AD76" s="16"/>
      <c r="AE76" s="16"/>
      <c r="AF76" s="16"/>
    </row>
    <row r="77" spans="2:32" ht="23" customHeight="1" x14ac:dyDescent="0.35">
      <c r="B77" s="197"/>
      <c r="C77" s="82"/>
      <c r="D77" s="50" t="s">
        <v>199</v>
      </c>
      <c r="E77" s="133">
        <v>1489.7156668370417</v>
      </c>
      <c r="F77" s="133">
        <v>1064.1975308641975</v>
      </c>
      <c r="G77" s="135">
        <v>939.72310526195236</v>
      </c>
      <c r="H77" s="136">
        <v>1986.3620460111681</v>
      </c>
      <c r="I77" s="186"/>
      <c r="J77" s="188"/>
      <c r="K77" s="16"/>
      <c r="L77" s="16"/>
      <c r="M77" s="16"/>
      <c r="N77" s="16"/>
      <c r="O77" s="16"/>
      <c r="P77" s="16"/>
      <c r="Q77" s="16"/>
      <c r="R77" s="16"/>
      <c r="S77" s="16"/>
      <c r="T77" s="16"/>
      <c r="U77" s="16"/>
      <c r="V77" s="16"/>
      <c r="W77" s="16"/>
      <c r="X77" s="16"/>
      <c r="Y77" s="16"/>
      <c r="Z77" s="16"/>
      <c r="AA77" s="16"/>
      <c r="AB77" s="16"/>
      <c r="AC77" s="16"/>
      <c r="AD77" s="16"/>
      <c r="AE77" s="16"/>
      <c r="AF77" s="16"/>
    </row>
    <row r="78" spans="2:32" ht="15" customHeight="1" x14ac:dyDescent="0.35">
      <c r="B78" s="197"/>
      <c r="C78" s="82"/>
      <c r="E78" s="16"/>
      <c r="F78" s="16"/>
      <c r="G78" s="16"/>
      <c r="H78" s="16"/>
      <c r="I78" s="16"/>
      <c r="J78" s="16"/>
      <c r="K78" s="16"/>
      <c r="L78" s="16"/>
      <c r="M78" s="16"/>
      <c r="N78" s="16"/>
      <c r="O78" s="16"/>
      <c r="P78" s="16"/>
      <c r="Q78" s="16"/>
      <c r="R78" s="16"/>
      <c r="S78" s="16"/>
      <c r="T78" s="16"/>
      <c r="U78" s="16"/>
      <c r="V78" s="16"/>
      <c r="W78" s="16"/>
      <c r="X78" s="16"/>
      <c r="Y78" s="16"/>
      <c r="Z78" s="16"/>
      <c r="AA78" s="16"/>
      <c r="AB78" s="16"/>
      <c r="AC78" s="16"/>
      <c r="AD78" s="16"/>
      <c r="AE78" s="16"/>
      <c r="AF78" s="16"/>
    </row>
    <row r="79" spans="2:32" ht="24.5" customHeight="1" x14ac:dyDescent="0.35">
      <c r="B79" s="197"/>
      <c r="C79" s="68" t="s">
        <v>200</v>
      </c>
      <c r="D79" s="23" t="s">
        <v>201</v>
      </c>
      <c r="E79" s="111" t="s">
        <v>202</v>
      </c>
      <c r="F79" s="16"/>
      <c r="G79" s="16"/>
      <c r="H79" s="16"/>
      <c r="I79" s="16"/>
      <c r="J79" s="16"/>
      <c r="K79" s="16"/>
      <c r="L79" s="16"/>
      <c r="M79" s="16"/>
      <c r="N79" s="16"/>
      <c r="O79" s="16"/>
      <c r="P79" s="16"/>
      <c r="Q79" s="16"/>
      <c r="R79" s="16"/>
      <c r="S79" s="16"/>
      <c r="T79" s="16"/>
      <c r="U79" s="16"/>
      <c r="V79" s="16"/>
      <c r="W79" s="16"/>
      <c r="X79" s="16"/>
      <c r="Y79" s="16"/>
      <c r="Z79" s="16"/>
      <c r="AA79" s="16"/>
      <c r="AB79" s="16"/>
      <c r="AC79" s="16"/>
      <c r="AD79" s="16"/>
      <c r="AE79" s="16"/>
      <c r="AF79" s="16"/>
    </row>
    <row r="80" spans="2:32" ht="24.5" customHeight="1" x14ac:dyDescent="0.35">
      <c r="B80" s="197"/>
      <c r="C80" s="82"/>
      <c r="D80" s="50" t="s">
        <v>203</v>
      </c>
      <c r="E80" s="99">
        <v>0.22483301945121689</v>
      </c>
      <c r="F80" s="180" t="s">
        <v>204</v>
      </c>
      <c r="G80" s="223"/>
      <c r="H80" s="16"/>
      <c r="I80" s="159"/>
      <c r="J80" s="134"/>
      <c r="K80" s="16"/>
      <c r="L80" s="16"/>
      <c r="M80" s="16"/>
      <c r="N80" s="16"/>
      <c r="O80" s="16"/>
      <c r="P80" s="16"/>
      <c r="Q80" s="16"/>
      <c r="R80" s="16"/>
      <c r="S80" s="16"/>
      <c r="T80" s="16"/>
      <c r="U80" s="16"/>
      <c r="V80" s="16"/>
      <c r="W80" s="16"/>
      <c r="X80" s="16"/>
      <c r="Y80" s="16"/>
      <c r="Z80" s="16"/>
      <c r="AA80" s="16"/>
      <c r="AB80" s="16"/>
      <c r="AC80" s="16"/>
      <c r="AD80" s="16"/>
      <c r="AE80" s="16"/>
      <c r="AF80" s="16"/>
    </row>
    <row r="81" spans="2:32" ht="24.5" customHeight="1" x14ac:dyDescent="0.35">
      <c r="B81" s="197"/>
      <c r="C81" s="82"/>
      <c r="D81" s="50" t="s">
        <v>205</v>
      </c>
      <c r="E81" s="99">
        <v>0.10933984735417074</v>
      </c>
      <c r="F81" s="224"/>
      <c r="G81" s="225"/>
      <c r="H81" s="16"/>
      <c r="I81" s="159"/>
      <c r="J81" s="134"/>
      <c r="K81" s="16"/>
      <c r="L81" s="16"/>
      <c r="M81" s="16"/>
      <c r="N81" s="16"/>
      <c r="O81" s="16"/>
      <c r="P81" s="16"/>
      <c r="Q81" s="16"/>
      <c r="R81" s="16"/>
      <c r="S81" s="16"/>
      <c r="T81" s="16"/>
      <c r="U81" s="16"/>
      <c r="V81" s="16"/>
      <c r="W81" s="16"/>
      <c r="X81" s="16"/>
      <c r="Y81" s="16"/>
      <c r="Z81" s="16"/>
      <c r="AA81" s="16"/>
      <c r="AB81" s="16"/>
      <c r="AC81" s="16"/>
      <c r="AD81" s="16"/>
      <c r="AE81" s="16"/>
      <c r="AF81" s="16"/>
    </row>
    <row r="82" spans="2:32" ht="24.5" customHeight="1" x14ac:dyDescent="0.35">
      <c r="B82" s="197"/>
      <c r="C82" s="82"/>
      <c r="D82" s="50" t="s">
        <v>206</v>
      </c>
      <c r="E82" s="99">
        <v>4.5859481431604669E-2</v>
      </c>
      <c r="F82" s="224"/>
      <c r="G82" s="225"/>
      <c r="H82" s="16"/>
      <c r="I82" s="159"/>
      <c r="J82" s="134"/>
      <c r="K82" s="16"/>
      <c r="L82" s="16"/>
      <c r="M82" s="16"/>
      <c r="N82" s="16"/>
      <c r="O82" s="16"/>
      <c r="P82" s="16"/>
      <c r="Q82" s="16"/>
      <c r="R82" s="16"/>
      <c r="S82" s="16"/>
      <c r="T82" s="16"/>
      <c r="U82" s="16"/>
      <c r="V82" s="16"/>
      <c r="W82" s="16"/>
      <c r="X82" s="16"/>
      <c r="Y82" s="16"/>
      <c r="Z82" s="16"/>
      <c r="AA82" s="16"/>
      <c r="AB82" s="16"/>
      <c r="AC82" s="16"/>
      <c r="AD82" s="16"/>
      <c r="AE82" s="16"/>
      <c r="AF82" s="16"/>
    </row>
    <row r="83" spans="2:32" ht="24.5" customHeight="1" x14ac:dyDescent="0.35">
      <c r="B83" s="197"/>
      <c r="C83" s="82"/>
      <c r="D83" s="50" t="s">
        <v>207</v>
      </c>
      <c r="E83" s="99">
        <v>0.26479984011170593</v>
      </c>
      <c r="F83" s="224"/>
      <c r="G83" s="225"/>
      <c r="H83" s="16"/>
      <c r="I83" s="159"/>
      <c r="J83" s="134"/>
      <c r="K83" s="16"/>
      <c r="L83" s="16"/>
      <c r="M83" s="16"/>
      <c r="N83" s="16"/>
      <c r="O83" s="16"/>
      <c r="P83" s="16"/>
      <c r="Q83" s="16"/>
      <c r="R83" s="16"/>
      <c r="S83" s="16"/>
      <c r="T83" s="16"/>
      <c r="U83" s="16"/>
      <c r="V83" s="16"/>
      <c r="W83" s="16"/>
      <c r="X83" s="16"/>
      <c r="Y83" s="16"/>
      <c r="Z83" s="16"/>
      <c r="AA83" s="16"/>
      <c r="AB83" s="16"/>
      <c r="AC83" s="16"/>
      <c r="AD83" s="16"/>
      <c r="AE83" s="16"/>
      <c r="AF83" s="16"/>
    </row>
    <row r="84" spans="2:32" ht="24.5" customHeight="1" x14ac:dyDescent="0.35">
      <c r="B84" s="197"/>
      <c r="C84" s="82"/>
      <c r="D84" s="50" t="s">
        <v>208</v>
      </c>
      <c r="E84" s="99">
        <v>2.9112765680718838E-2</v>
      </c>
      <c r="F84" s="224"/>
      <c r="G84" s="225"/>
      <c r="H84" s="16"/>
      <c r="I84" s="159"/>
      <c r="J84" s="134"/>
      <c r="K84" s="16"/>
      <c r="L84" s="16"/>
      <c r="M84" s="16"/>
      <c r="N84" s="16"/>
      <c r="O84" s="16"/>
      <c r="P84" s="16"/>
      <c r="Q84" s="16"/>
      <c r="R84" s="16"/>
      <c r="S84" s="16"/>
      <c r="T84" s="16"/>
      <c r="U84" s="16"/>
      <c r="V84" s="16"/>
      <c r="W84" s="16"/>
      <c r="X84" s="16"/>
      <c r="Y84" s="16"/>
      <c r="Z84" s="16"/>
      <c r="AA84" s="16"/>
      <c r="AB84" s="16"/>
      <c r="AC84" s="16"/>
      <c r="AD84" s="16"/>
      <c r="AE84" s="16"/>
      <c r="AF84" s="16"/>
    </row>
    <row r="85" spans="2:32" ht="24.5" customHeight="1" x14ac:dyDescent="0.35">
      <c r="B85" s="197"/>
      <c r="C85" s="82"/>
      <c r="D85" s="50" t="s">
        <v>209</v>
      </c>
      <c r="E85" s="99">
        <v>0.16376648465761365</v>
      </c>
      <c r="F85" s="224"/>
      <c r="G85" s="225"/>
      <c r="H85" s="16"/>
      <c r="I85" s="159"/>
      <c r="J85" s="134"/>
      <c r="K85" s="16"/>
      <c r="L85" s="16"/>
      <c r="M85" s="16"/>
      <c r="N85" s="16"/>
      <c r="O85" s="16"/>
      <c r="P85" s="16"/>
      <c r="Q85" s="16"/>
      <c r="R85" s="16"/>
      <c r="S85" s="16"/>
      <c r="T85" s="16"/>
      <c r="U85" s="16"/>
      <c r="V85" s="16"/>
      <c r="W85" s="16"/>
      <c r="X85" s="16"/>
      <c r="Y85" s="16"/>
      <c r="Z85" s="16"/>
      <c r="AA85" s="16"/>
      <c r="AB85" s="16"/>
      <c r="AC85" s="16"/>
      <c r="AD85" s="16"/>
      <c r="AE85" s="16"/>
      <c r="AF85" s="16"/>
    </row>
    <row r="86" spans="2:32" ht="24.5" customHeight="1" x14ac:dyDescent="0.35">
      <c r="B86" s="197"/>
      <c r="C86" s="82"/>
      <c r="D86" s="50" t="s">
        <v>210</v>
      </c>
      <c r="E86" s="99">
        <v>4.7828115046895221E-2</v>
      </c>
      <c r="F86" s="224"/>
      <c r="G86" s="225"/>
      <c r="H86" s="16"/>
      <c r="I86" s="159"/>
      <c r="J86" s="134"/>
      <c r="K86" s="16"/>
      <c r="L86" s="16"/>
      <c r="M86" s="16"/>
      <c r="N86" s="16"/>
      <c r="O86" s="16"/>
      <c r="P86" s="16"/>
      <c r="Q86" s="16"/>
      <c r="R86" s="16"/>
      <c r="S86" s="16"/>
      <c r="T86" s="16"/>
      <c r="U86" s="16"/>
      <c r="V86" s="16"/>
      <c r="W86" s="16"/>
      <c r="X86" s="16"/>
      <c r="Y86" s="16"/>
      <c r="Z86" s="16"/>
      <c r="AA86" s="16"/>
      <c r="AB86" s="16"/>
      <c r="AC86" s="16"/>
      <c r="AD86" s="16"/>
      <c r="AE86" s="16"/>
      <c r="AF86" s="16"/>
    </row>
    <row r="87" spans="2:32" ht="24.5" customHeight="1" x14ac:dyDescent="0.35">
      <c r="B87" s="197"/>
      <c r="C87" s="82"/>
      <c r="D87" s="50" t="s">
        <v>211</v>
      </c>
      <c r="E87" s="99">
        <v>7.249161596851357E-2</v>
      </c>
      <c r="F87" s="224"/>
      <c r="G87" s="225"/>
      <c r="H87" s="16"/>
      <c r="I87" s="159"/>
      <c r="J87" s="134"/>
      <c r="K87" s="16"/>
      <c r="L87" s="16"/>
      <c r="M87" s="16"/>
      <c r="N87" s="16"/>
      <c r="O87" s="16"/>
      <c r="P87" s="16"/>
      <c r="Q87" s="16"/>
      <c r="R87" s="16"/>
      <c r="S87" s="16"/>
      <c r="T87" s="16"/>
      <c r="U87" s="16"/>
      <c r="V87" s="16"/>
      <c r="W87" s="16"/>
      <c r="X87" s="16"/>
      <c r="Y87" s="16"/>
      <c r="Z87" s="16"/>
      <c r="AA87" s="16"/>
      <c r="AB87" s="16"/>
      <c r="AC87" s="16"/>
      <c r="AD87" s="16"/>
      <c r="AE87" s="16"/>
      <c r="AF87" s="16"/>
    </row>
    <row r="88" spans="2:32" ht="24.5" customHeight="1" x14ac:dyDescent="0.35">
      <c r="B88" s="197"/>
      <c r="C88" s="82"/>
      <c r="D88" s="50" t="s">
        <v>212</v>
      </c>
      <c r="E88" s="99">
        <v>4.1968830297560489E-2</v>
      </c>
      <c r="F88" s="226"/>
      <c r="G88" s="227"/>
      <c r="H88" s="16"/>
      <c r="I88" s="159"/>
      <c r="J88" s="134"/>
      <c r="K88" s="16"/>
      <c r="L88" s="16"/>
      <c r="M88" s="16"/>
      <c r="N88" s="16"/>
      <c r="O88" s="16"/>
      <c r="P88" s="16"/>
      <c r="Q88" s="16"/>
      <c r="R88" s="16"/>
      <c r="S88" s="16"/>
      <c r="T88" s="16"/>
      <c r="U88" s="16"/>
      <c r="V88" s="16"/>
      <c r="W88" s="16"/>
      <c r="X88" s="16"/>
      <c r="Y88" s="16"/>
      <c r="Z88" s="16"/>
      <c r="AA88" s="16"/>
      <c r="AB88" s="16"/>
      <c r="AC88" s="16"/>
      <c r="AD88" s="16"/>
      <c r="AE88" s="16"/>
      <c r="AF88" s="16"/>
    </row>
    <row r="89" spans="2:32" ht="15" customHeight="1" x14ac:dyDescent="0.35">
      <c r="B89" s="197"/>
      <c r="C89" s="82"/>
      <c r="E89" s="95" t="str">
        <f>IF(SUM(E80:E88)=1,"Check","Error")</f>
        <v>Check</v>
      </c>
      <c r="F89" s="134"/>
      <c r="G89" s="16"/>
      <c r="H89" s="16"/>
      <c r="I89" s="16"/>
      <c r="J89" s="16"/>
      <c r="K89" s="16"/>
      <c r="L89" s="16"/>
      <c r="M89" s="16"/>
      <c r="N89" s="16"/>
      <c r="O89" s="16"/>
      <c r="P89" s="16"/>
      <c r="Q89" s="16"/>
      <c r="R89" s="16"/>
      <c r="S89" s="16"/>
      <c r="T89" s="16"/>
      <c r="U89" s="16"/>
      <c r="V89" s="16"/>
      <c r="W89" s="16"/>
      <c r="X89" s="16"/>
      <c r="Y89" s="16"/>
      <c r="Z89" s="16"/>
      <c r="AA89" s="16"/>
      <c r="AB89" s="16"/>
      <c r="AC89" s="16"/>
      <c r="AD89" s="16"/>
      <c r="AE89" s="16"/>
      <c r="AF89" s="16"/>
    </row>
    <row r="90" spans="2:32" ht="15" customHeight="1" x14ac:dyDescent="0.35">
      <c r="B90" s="197"/>
      <c r="C90" s="82"/>
      <c r="E90" s="16"/>
      <c r="F90" s="16"/>
      <c r="G90" s="16"/>
      <c r="H90" s="16"/>
      <c r="I90" s="16"/>
      <c r="J90" s="16"/>
      <c r="K90" s="16"/>
      <c r="L90" s="16"/>
      <c r="M90" s="16"/>
      <c r="N90" s="16"/>
      <c r="O90" s="16"/>
      <c r="P90" s="16"/>
      <c r="Q90" s="16"/>
      <c r="R90" s="16"/>
      <c r="S90" s="16"/>
      <c r="T90" s="16"/>
      <c r="U90" s="16"/>
      <c r="V90" s="16"/>
      <c r="W90" s="16"/>
      <c r="X90" s="16"/>
      <c r="Y90" s="16"/>
      <c r="Z90" s="16"/>
      <c r="AA90" s="16"/>
      <c r="AB90" s="16"/>
      <c r="AC90" s="16"/>
      <c r="AD90" s="16"/>
      <c r="AE90" s="16"/>
      <c r="AF90" s="16"/>
    </row>
    <row r="91" spans="2:32" ht="24.5" customHeight="1" x14ac:dyDescent="0.35">
      <c r="B91" s="197"/>
      <c r="C91" s="68" t="s">
        <v>213</v>
      </c>
      <c r="D91" s="23" t="s">
        <v>214</v>
      </c>
      <c r="E91" s="111" t="s">
        <v>202</v>
      </c>
      <c r="F91" s="16"/>
      <c r="G91" s="16"/>
      <c r="H91" s="16"/>
      <c r="I91" s="16"/>
      <c r="J91" s="16"/>
      <c r="K91" s="16"/>
      <c r="L91" s="16"/>
      <c r="M91" s="16"/>
      <c r="N91" s="16"/>
      <c r="O91" s="16"/>
      <c r="P91" s="16"/>
      <c r="Q91" s="16"/>
      <c r="R91" s="16"/>
      <c r="S91" s="16"/>
      <c r="T91" s="16"/>
      <c r="U91" s="16"/>
      <c r="V91" s="16"/>
      <c r="W91" s="16"/>
      <c r="X91" s="16"/>
      <c r="Y91" s="16"/>
      <c r="Z91" s="16"/>
      <c r="AA91" s="16"/>
      <c r="AB91" s="16"/>
      <c r="AC91" s="16"/>
      <c r="AD91" s="16"/>
      <c r="AE91" s="16"/>
      <c r="AF91" s="16"/>
    </row>
    <row r="92" spans="2:32" ht="24.5" customHeight="1" x14ac:dyDescent="0.35">
      <c r="B92" s="197"/>
      <c r="C92" s="82"/>
      <c r="D92" s="50" t="s">
        <v>215</v>
      </c>
      <c r="E92" s="99">
        <v>8.9671696923730157E-2</v>
      </c>
      <c r="F92" s="180" t="s">
        <v>216</v>
      </c>
      <c r="G92" s="223"/>
      <c r="H92" s="16"/>
      <c r="I92" s="159"/>
      <c r="J92" s="134"/>
      <c r="K92" s="16"/>
      <c r="L92" s="16"/>
      <c r="M92" s="16"/>
      <c r="N92" s="16"/>
      <c r="O92" s="16"/>
      <c r="P92" s="16"/>
      <c r="Q92" s="16"/>
      <c r="R92" s="16"/>
      <c r="S92" s="16"/>
      <c r="T92" s="16"/>
      <c r="U92" s="16"/>
      <c r="V92" s="16"/>
      <c r="W92" s="16"/>
      <c r="X92" s="16"/>
      <c r="Y92" s="16"/>
      <c r="Z92" s="16"/>
      <c r="AA92" s="16"/>
      <c r="AB92" s="16"/>
      <c r="AC92" s="16"/>
      <c r="AD92" s="16"/>
      <c r="AE92" s="16"/>
      <c r="AF92" s="16"/>
    </row>
    <row r="93" spans="2:32" ht="24.5" customHeight="1" x14ac:dyDescent="0.35">
      <c r="B93" s="197"/>
      <c r="C93" s="82"/>
      <c r="D93" s="50" t="s">
        <v>217</v>
      </c>
      <c r="E93" s="99">
        <v>5.6262911594570073E-2</v>
      </c>
      <c r="F93" s="224"/>
      <c r="G93" s="225"/>
      <c r="H93" s="16"/>
      <c r="I93" s="159"/>
      <c r="J93" s="134"/>
      <c r="K93" s="16"/>
      <c r="L93" s="16"/>
      <c r="M93" s="16"/>
      <c r="N93" s="16"/>
      <c r="O93" s="16"/>
      <c r="P93" s="16"/>
      <c r="Q93" s="16"/>
      <c r="R93" s="16"/>
      <c r="S93" s="16"/>
      <c r="T93" s="16"/>
      <c r="U93" s="16"/>
      <c r="V93" s="16"/>
      <c r="W93" s="16"/>
      <c r="X93" s="16"/>
      <c r="Y93" s="16"/>
      <c r="Z93" s="16"/>
      <c r="AA93" s="16"/>
      <c r="AB93" s="16"/>
      <c r="AC93" s="16"/>
      <c r="AD93" s="16"/>
      <c r="AE93" s="16"/>
      <c r="AF93" s="16"/>
    </row>
    <row r="94" spans="2:32" ht="24.5" customHeight="1" x14ac:dyDescent="0.35">
      <c r="B94" s="197"/>
      <c r="C94" s="82"/>
      <c r="D94" s="50" t="s">
        <v>218</v>
      </c>
      <c r="E94" s="99">
        <v>6.7075001367192078E-2</v>
      </c>
      <c r="F94" s="224"/>
      <c r="G94" s="225"/>
      <c r="H94" s="16"/>
      <c r="I94" s="159"/>
      <c r="J94" s="134"/>
      <c r="K94" s="16"/>
      <c r="L94" s="16"/>
      <c r="M94" s="16"/>
      <c r="N94" s="16"/>
      <c r="O94" s="16"/>
      <c r="P94" s="16"/>
      <c r="Q94" s="16"/>
      <c r="R94" s="16"/>
      <c r="S94" s="16"/>
      <c r="T94" s="16"/>
      <c r="U94" s="16"/>
      <c r="V94" s="16"/>
      <c r="W94" s="16"/>
      <c r="X94" s="16"/>
      <c r="Y94" s="16"/>
      <c r="Z94" s="16"/>
      <c r="AA94" s="16"/>
      <c r="AB94" s="16"/>
      <c r="AC94" s="16"/>
      <c r="AD94" s="16"/>
      <c r="AE94" s="16"/>
      <c r="AF94" s="16"/>
    </row>
    <row r="95" spans="2:32" ht="24.5" customHeight="1" x14ac:dyDescent="0.35">
      <c r="B95" s="197"/>
      <c r="C95" s="82"/>
      <c r="D95" s="50" t="s">
        <v>219</v>
      </c>
      <c r="E95" s="99">
        <v>0.37749903180479399</v>
      </c>
      <c r="F95" s="224"/>
      <c r="G95" s="225"/>
      <c r="H95" s="16"/>
      <c r="I95" s="159"/>
      <c r="J95" s="134"/>
      <c r="K95" s="16"/>
      <c r="L95" s="16"/>
      <c r="M95" s="16"/>
      <c r="N95" s="16"/>
      <c r="O95" s="16"/>
      <c r="P95" s="16"/>
      <c r="Q95" s="16"/>
      <c r="R95" s="16"/>
      <c r="S95" s="16"/>
      <c r="T95" s="16"/>
      <c r="U95" s="16"/>
      <c r="V95" s="16"/>
      <c r="W95" s="16"/>
      <c r="X95" s="16"/>
      <c r="Y95" s="16"/>
      <c r="Z95" s="16"/>
      <c r="AA95" s="16"/>
      <c r="AB95" s="16"/>
      <c r="AC95" s="16"/>
      <c r="AD95" s="16"/>
      <c r="AE95" s="16"/>
      <c r="AF95" s="16"/>
    </row>
    <row r="96" spans="2:32" ht="24.5" customHeight="1" x14ac:dyDescent="0.35">
      <c r="B96" s="197"/>
      <c r="C96" s="82"/>
      <c r="D96" s="50" t="s">
        <v>220</v>
      </c>
      <c r="E96" s="99">
        <v>0.21833108816212557</v>
      </c>
      <c r="F96" s="224"/>
      <c r="G96" s="225"/>
      <c r="H96" s="16"/>
      <c r="I96" s="159"/>
      <c r="J96" s="134"/>
      <c r="K96" s="16"/>
      <c r="L96" s="16"/>
      <c r="M96" s="16"/>
      <c r="N96" s="16"/>
      <c r="O96" s="16"/>
      <c r="P96" s="16"/>
      <c r="Q96" s="16"/>
      <c r="R96" s="16"/>
      <c r="S96" s="16"/>
      <c r="T96" s="16"/>
      <c r="U96" s="16"/>
      <c r="V96" s="16"/>
      <c r="W96" s="16"/>
      <c r="X96" s="16"/>
      <c r="Y96" s="16"/>
      <c r="Z96" s="16"/>
      <c r="AA96" s="16"/>
      <c r="AB96" s="16"/>
      <c r="AC96" s="16"/>
      <c r="AD96" s="16"/>
      <c r="AE96" s="16"/>
      <c r="AF96" s="16"/>
    </row>
    <row r="97" spans="2:32" ht="24.5" customHeight="1" x14ac:dyDescent="0.35">
      <c r="B97" s="197"/>
      <c r="C97" s="82"/>
      <c r="D97" s="50" t="s">
        <v>221</v>
      </c>
      <c r="E97" s="99">
        <v>3.6091638699683147E-2</v>
      </c>
      <c r="F97" s="224"/>
      <c r="G97" s="225"/>
      <c r="H97" s="16"/>
      <c r="I97" s="159"/>
      <c r="J97" s="134"/>
      <c r="K97" s="16"/>
      <c r="L97" s="16"/>
      <c r="M97" s="16"/>
      <c r="N97" s="16"/>
      <c r="O97" s="16"/>
      <c r="P97" s="16"/>
      <c r="Q97" s="16"/>
      <c r="R97" s="16"/>
      <c r="S97" s="16"/>
      <c r="T97" s="16"/>
      <c r="U97" s="16"/>
      <c r="V97" s="16"/>
      <c r="W97" s="16"/>
      <c r="X97" s="16"/>
      <c r="Y97" s="16"/>
      <c r="Z97" s="16"/>
      <c r="AA97" s="16"/>
      <c r="AB97" s="16"/>
      <c r="AC97" s="16"/>
      <c r="AD97" s="16"/>
      <c r="AE97" s="16"/>
      <c r="AF97" s="16"/>
    </row>
    <row r="98" spans="2:32" ht="24.5" customHeight="1" x14ac:dyDescent="0.35">
      <c r="B98" s="197"/>
      <c r="C98" s="82"/>
      <c r="D98" s="50" t="s">
        <v>222</v>
      </c>
      <c r="E98" s="99">
        <v>7.391121685834727E-2</v>
      </c>
      <c r="F98" s="224"/>
      <c r="G98" s="225"/>
      <c r="H98" s="16"/>
      <c r="I98" s="159"/>
      <c r="J98" s="134"/>
      <c r="K98" s="16"/>
      <c r="L98" s="16"/>
      <c r="M98" s="16"/>
      <c r="N98" s="16"/>
      <c r="O98" s="16"/>
      <c r="P98" s="16"/>
      <c r="Q98" s="16"/>
      <c r="R98" s="16"/>
      <c r="S98" s="16"/>
      <c r="T98" s="16"/>
      <c r="U98" s="16"/>
      <c r="V98" s="16"/>
      <c r="W98" s="16"/>
      <c r="X98" s="16"/>
      <c r="Y98" s="16"/>
      <c r="Z98" s="16"/>
      <c r="AA98" s="16"/>
      <c r="AB98" s="16"/>
      <c r="AC98" s="16"/>
      <c r="AD98" s="16"/>
      <c r="AE98" s="16"/>
      <c r="AF98" s="16"/>
    </row>
    <row r="99" spans="2:32" ht="24.5" customHeight="1" x14ac:dyDescent="0.35">
      <c r="B99" s="197"/>
      <c r="C99" s="82"/>
      <c r="D99" s="50" t="s">
        <v>223</v>
      </c>
      <c r="E99" s="99">
        <v>4.0578707294778887E-2</v>
      </c>
      <c r="F99" s="224"/>
      <c r="G99" s="225"/>
      <c r="H99" s="16"/>
      <c r="I99" s="159"/>
      <c r="J99" s="134"/>
      <c r="K99" s="16"/>
      <c r="L99" s="16"/>
      <c r="M99" s="16"/>
      <c r="N99" s="16"/>
      <c r="O99" s="16"/>
      <c r="P99" s="16"/>
      <c r="Q99" s="16"/>
      <c r="R99" s="16"/>
      <c r="S99" s="16"/>
      <c r="T99" s="16"/>
      <c r="U99" s="16"/>
      <c r="V99" s="16"/>
      <c r="W99" s="16"/>
      <c r="X99" s="16"/>
      <c r="Y99" s="16"/>
      <c r="Z99" s="16"/>
      <c r="AA99" s="16"/>
      <c r="AB99" s="16"/>
      <c r="AC99" s="16"/>
      <c r="AD99" s="16"/>
      <c r="AE99" s="16"/>
      <c r="AF99" s="16"/>
    </row>
    <row r="100" spans="2:32" ht="24.5" customHeight="1" x14ac:dyDescent="0.35">
      <c r="B100" s="197"/>
      <c r="C100" s="82"/>
      <c r="D100" s="50" t="s">
        <v>224</v>
      </c>
      <c r="E100" s="99">
        <v>4.0578707294778887E-2</v>
      </c>
      <c r="F100" s="226"/>
      <c r="G100" s="227"/>
      <c r="H100" s="16"/>
      <c r="I100" s="159"/>
      <c r="J100" s="134"/>
      <c r="K100" s="16"/>
      <c r="L100" s="16"/>
      <c r="M100" s="16"/>
      <c r="N100" s="16"/>
      <c r="O100" s="16"/>
      <c r="P100" s="16"/>
      <c r="Q100" s="16"/>
      <c r="R100" s="16"/>
      <c r="S100" s="16"/>
      <c r="T100" s="16"/>
      <c r="U100" s="16"/>
      <c r="V100" s="16"/>
      <c r="W100" s="16"/>
      <c r="X100" s="16"/>
      <c r="Y100" s="16"/>
      <c r="Z100" s="16"/>
      <c r="AA100" s="16"/>
      <c r="AB100" s="16"/>
      <c r="AC100" s="16"/>
      <c r="AD100" s="16"/>
      <c r="AE100" s="16"/>
      <c r="AF100" s="16"/>
    </row>
    <row r="101" spans="2:32" ht="15" customHeight="1" x14ac:dyDescent="0.35">
      <c r="B101" s="197"/>
      <c r="C101" s="82"/>
      <c r="E101" s="95" t="str">
        <f>IF(SUM(E92:E100)=1,"Check","Error")</f>
        <v>Check</v>
      </c>
      <c r="F101" s="134"/>
      <c r="G101" s="16"/>
      <c r="H101" s="16"/>
      <c r="I101" s="16"/>
      <c r="J101" s="16"/>
      <c r="K101" s="16"/>
      <c r="L101" s="16"/>
      <c r="M101" s="16"/>
      <c r="N101" s="16"/>
      <c r="O101" s="16"/>
      <c r="P101" s="16"/>
      <c r="Q101" s="16"/>
      <c r="R101" s="16"/>
      <c r="S101" s="16"/>
      <c r="T101" s="16"/>
      <c r="U101" s="16"/>
      <c r="V101" s="16"/>
      <c r="W101" s="16"/>
      <c r="X101" s="16"/>
      <c r="Y101" s="16"/>
      <c r="Z101" s="16"/>
      <c r="AA101" s="16"/>
      <c r="AB101" s="16"/>
      <c r="AC101" s="16"/>
      <c r="AD101" s="16"/>
      <c r="AE101" s="16"/>
      <c r="AF101" s="16"/>
    </row>
    <row r="102" spans="2:32" ht="14.4" customHeight="1" x14ac:dyDescent="0.35"/>
    <row r="103" spans="2:32" x14ac:dyDescent="0.35">
      <c r="B103" s="16"/>
      <c r="D103" s="16"/>
    </row>
    <row r="104" spans="2:32" ht="24" customHeight="1" x14ac:dyDescent="0.35">
      <c r="B104" s="197" t="s">
        <v>225</v>
      </c>
      <c r="C104" s="82"/>
      <c r="E104" s="217" t="s">
        <v>226</v>
      </c>
      <c r="F104" s="217"/>
      <c r="G104" s="217"/>
    </row>
    <row r="105" spans="2:32" ht="24" customHeight="1" x14ac:dyDescent="0.35">
      <c r="B105" s="197"/>
      <c r="C105" s="68" t="s">
        <v>227</v>
      </c>
      <c r="D105" s="23" t="s">
        <v>228</v>
      </c>
      <c r="H105" s="202"/>
    </row>
    <row r="106" spans="2:32" ht="44.4" customHeight="1" x14ac:dyDescent="0.35">
      <c r="B106" s="197"/>
      <c r="C106" s="82"/>
      <c r="D106" s="86" t="s">
        <v>229</v>
      </c>
      <c r="E106" s="198" t="s">
        <v>381</v>
      </c>
      <c r="F106" s="198"/>
      <c r="G106" s="198"/>
      <c r="H106" s="203"/>
    </row>
    <row r="107" spans="2:32" ht="44.4" customHeight="1" x14ac:dyDescent="0.35">
      <c r="B107" s="197"/>
      <c r="C107" s="82"/>
      <c r="D107" s="86" t="s">
        <v>230</v>
      </c>
      <c r="E107" s="198" t="s">
        <v>758</v>
      </c>
      <c r="F107" s="198"/>
      <c r="G107" s="198"/>
      <c r="H107" s="203"/>
    </row>
    <row r="108" spans="2:32" ht="44.4" customHeight="1" x14ac:dyDescent="0.35">
      <c r="B108" s="197"/>
      <c r="C108" s="82"/>
      <c r="D108" s="86" t="s">
        <v>231</v>
      </c>
      <c r="E108" s="198" t="s">
        <v>430</v>
      </c>
      <c r="F108" s="198"/>
      <c r="G108" s="198"/>
      <c r="H108" s="203"/>
    </row>
    <row r="109" spans="2:32" ht="44.4" customHeight="1" x14ac:dyDescent="0.35">
      <c r="B109" s="197"/>
      <c r="C109" s="82"/>
      <c r="D109" s="86" t="s">
        <v>232</v>
      </c>
      <c r="E109" s="198" t="s">
        <v>540</v>
      </c>
      <c r="F109" s="198"/>
      <c r="G109" s="198"/>
      <c r="H109" s="203"/>
    </row>
    <row r="110" spans="2:32" ht="44.4" customHeight="1" x14ac:dyDescent="0.35">
      <c r="B110" s="197"/>
      <c r="C110" s="82"/>
      <c r="D110" s="86" t="s">
        <v>233</v>
      </c>
      <c r="E110" s="198" t="s">
        <v>701</v>
      </c>
      <c r="F110" s="198"/>
      <c r="G110" s="198"/>
      <c r="H110" s="203"/>
    </row>
    <row r="111" spans="2:32" ht="44.4" customHeight="1" x14ac:dyDescent="0.35">
      <c r="B111" s="197"/>
      <c r="C111" s="82"/>
      <c r="D111" s="86" t="s">
        <v>234</v>
      </c>
      <c r="E111" s="198" t="s">
        <v>759</v>
      </c>
      <c r="F111" s="198"/>
      <c r="G111" s="198"/>
      <c r="H111" s="203"/>
    </row>
    <row r="112" spans="2:32" ht="44.4" customHeight="1" x14ac:dyDescent="0.35">
      <c r="B112" s="197"/>
      <c r="C112" s="82"/>
      <c r="D112" s="86" t="s">
        <v>235</v>
      </c>
      <c r="E112" s="198" t="s">
        <v>760</v>
      </c>
      <c r="F112" s="198"/>
      <c r="G112" s="198"/>
      <c r="H112" s="203"/>
    </row>
    <row r="113" spans="2:8" ht="44.4" customHeight="1" x14ac:dyDescent="0.35">
      <c r="B113" s="197"/>
      <c r="C113" s="82"/>
      <c r="D113" s="87" t="s">
        <v>236</v>
      </c>
      <c r="E113" s="196" t="s">
        <v>761</v>
      </c>
      <c r="F113" s="196"/>
      <c r="G113" s="196"/>
      <c r="H113" s="203"/>
    </row>
    <row r="114" spans="2:8" ht="14" customHeight="1" x14ac:dyDescent="0.35">
      <c r="B114" s="168"/>
      <c r="C114" s="82"/>
    </row>
    <row r="115" spans="2:8" s="27" customFormat="1" x14ac:dyDescent="0.35">
      <c r="B115" s="59"/>
      <c r="C115" s="81"/>
    </row>
    <row r="116" spans="2:8" s="27" customFormat="1" x14ac:dyDescent="0.35">
      <c r="B116" s="60"/>
      <c r="C116" s="81"/>
    </row>
    <row r="117" spans="2:8" s="27" customFormat="1" ht="24" customHeight="1" x14ac:dyDescent="0.35">
      <c r="B117" s="167" t="s">
        <v>237</v>
      </c>
      <c r="C117" s="82"/>
      <c r="E117" s="103" t="s">
        <v>142</v>
      </c>
    </row>
    <row r="118" spans="2:8" s="27" customFormat="1" ht="24" customHeight="1" x14ac:dyDescent="0.35">
      <c r="B118" s="197"/>
      <c r="C118" s="68" t="s">
        <v>238</v>
      </c>
      <c r="D118" s="27" t="s">
        <v>239</v>
      </c>
      <c r="E118" s="98">
        <v>3</v>
      </c>
      <c r="F118" s="160"/>
    </row>
    <row r="119" spans="2:8" s="27" customFormat="1" x14ac:dyDescent="0.35">
      <c r="B119" s="197"/>
      <c r="C119" s="82"/>
      <c r="E119" s="110"/>
    </row>
    <row r="120" spans="2:8" s="27" customFormat="1" ht="24.5" customHeight="1" x14ac:dyDescent="0.35">
      <c r="B120" s="197"/>
      <c r="C120" s="82"/>
      <c r="E120" s="103" t="s">
        <v>240</v>
      </c>
    </row>
    <row r="121" spans="2:8" s="27" customFormat="1" ht="24.5" customHeight="1" x14ac:dyDescent="0.35">
      <c r="B121" s="197"/>
      <c r="C121" s="68" t="s">
        <v>241</v>
      </c>
      <c r="D121" s="27" t="s">
        <v>242</v>
      </c>
      <c r="E121" s="135">
        <v>293.02</v>
      </c>
    </row>
    <row r="122" spans="2:8" s="27" customFormat="1" x14ac:dyDescent="0.35">
      <c r="B122" s="197"/>
      <c r="C122" s="82"/>
    </row>
    <row r="123" spans="2:8" s="27" customFormat="1" ht="24.5" customHeight="1" x14ac:dyDescent="0.35">
      <c r="B123" s="197"/>
      <c r="C123" s="68" t="s">
        <v>243</v>
      </c>
      <c r="D123" s="61" t="s">
        <v>244</v>
      </c>
      <c r="E123" s="103" t="s">
        <v>142</v>
      </c>
    </row>
    <row r="124" spans="2:8" s="27" customFormat="1" ht="24.5" customHeight="1" x14ac:dyDescent="0.35">
      <c r="B124" s="197"/>
      <c r="C124" s="82"/>
      <c r="D124" s="62" t="s">
        <v>245</v>
      </c>
      <c r="E124" s="97">
        <v>11</v>
      </c>
      <c r="F124" s="211" t="s">
        <v>181</v>
      </c>
      <c r="G124" s="212"/>
    </row>
    <row r="125" spans="2:8" s="27" customFormat="1" ht="24.5" customHeight="1" x14ac:dyDescent="0.35">
      <c r="B125" s="197"/>
      <c r="C125" s="82"/>
      <c r="D125" s="62" t="s">
        <v>246</v>
      </c>
      <c r="E125" s="97">
        <v>11</v>
      </c>
      <c r="F125" s="213"/>
      <c r="G125" s="214"/>
    </row>
    <row r="126" spans="2:8" s="27" customFormat="1" ht="24.5" customHeight="1" x14ac:dyDescent="0.35">
      <c r="B126" s="197"/>
      <c r="C126" s="82"/>
      <c r="D126" s="62" t="s">
        <v>247</v>
      </c>
      <c r="E126" s="97">
        <v>1</v>
      </c>
      <c r="F126" s="213"/>
      <c r="G126" s="214"/>
    </row>
    <row r="127" spans="2:8" s="27" customFormat="1" ht="24.5" customHeight="1" x14ac:dyDescent="0.35">
      <c r="B127" s="197"/>
      <c r="C127" s="82"/>
      <c r="D127" s="62" t="s">
        <v>248</v>
      </c>
      <c r="E127" s="97">
        <v>0</v>
      </c>
      <c r="F127" s="213"/>
      <c r="G127" s="214"/>
    </row>
    <row r="128" spans="2:8" s="27" customFormat="1" ht="24.5" customHeight="1" x14ac:dyDescent="0.35">
      <c r="B128" s="197"/>
      <c r="C128" s="82"/>
      <c r="D128" s="62" t="s">
        <v>249</v>
      </c>
      <c r="E128" s="97">
        <v>19</v>
      </c>
      <c r="F128" s="145" t="s">
        <v>762</v>
      </c>
      <c r="G128" s="144"/>
    </row>
    <row r="129" spans="1:53" s="27" customFormat="1" x14ac:dyDescent="0.35">
      <c r="B129" s="197"/>
      <c r="C129" s="82"/>
      <c r="E129" s="95" t="str">
        <f>IF(SUM(E124:E128)=$E$21,"Check","Error")</f>
        <v>Check</v>
      </c>
    </row>
    <row r="130" spans="1:53" s="27" customFormat="1" x14ac:dyDescent="0.35">
      <c r="B130" s="60"/>
      <c r="C130" s="81"/>
    </row>
    <row r="131" spans="1:53" s="27" customFormat="1" x14ac:dyDescent="0.35">
      <c r="B131" s="60"/>
      <c r="C131" s="81"/>
    </row>
    <row r="132" spans="1:53" s="63" customFormat="1" ht="24" customHeight="1" x14ac:dyDescent="0.35">
      <c r="A132" s="2"/>
      <c r="B132" s="167" t="s">
        <v>250</v>
      </c>
      <c r="C132" s="82"/>
      <c r="D132" s="27"/>
      <c r="E132" s="103" t="s">
        <v>240</v>
      </c>
      <c r="F132" s="2"/>
      <c r="G132" s="2"/>
      <c r="H132" s="2"/>
      <c r="I132" s="2"/>
      <c r="J132" s="2"/>
      <c r="K132" s="2"/>
      <c r="L132" s="2"/>
      <c r="M132" s="2"/>
      <c r="N132" s="2"/>
      <c r="O132" s="2"/>
      <c r="P132" s="2"/>
      <c r="Q132" s="2"/>
      <c r="R132" s="2"/>
      <c r="S132" s="2"/>
      <c r="T132" s="2"/>
      <c r="U132" s="2"/>
      <c r="V132" s="2"/>
      <c r="W132" s="2"/>
      <c r="X132" s="2"/>
      <c r="Y132" s="2"/>
      <c r="Z132" s="2"/>
      <c r="AA132" s="2"/>
      <c r="AB132" s="2"/>
      <c r="AC132" s="2"/>
      <c r="AD132" s="2"/>
      <c r="AE132" s="2"/>
      <c r="AF132" s="2"/>
      <c r="AG132" s="2"/>
      <c r="AH132" s="2"/>
      <c r="AI132" s="2"/>
      <c r="AJ132" s="2"/>
      <c r="AK132" s="2"/>
      <c r="AL132" s="2"/>
      <c r="AM132" s="2"/>
      <c r="AN132" s="2"/>
      <c r="AO132" s="2"/>
      <c r="AP132" s="2"/>
      <c r="AQ132" s="2"/>
      <c r="AR132" s="2"/>
      <c r="AS132" s="2"/>
      <c r="AT132" s="2"/>
      <c r="AU132" s="2"/>
      <c r="AV132" s="2"/>
      <c r="AW132" s="2"/>
      <c r="AX132" s="2"/>
      <c r="AY132" s="2"/>
      <c r="AZ132" s="2"/>
      <c r="BA132" s="2"/>
    </row>
    <row r="133" spans="1:53" ht="24" customHeight="1" x14ac:dyDescent="0.35">
      <c r="B133" s="197"/>
      <c r="C133" s="68" t="s">
        <v>251</v>
      </c>
      <c r="D133" s="27" t="s">
        <v>252</v>
      </c>
      <c r="E133" s="146">
        <v>1092.263095238095</v>
      </c>
      <c r="F133" s="143"/>
    </row>
    <row r="134" spans="1:53" x14ac:dyDescent="0.35">
      <c r="B134" s="197"/>
      <c r="C134" s="82"/>
      <c r="D134" s="27"/>
      <c r="E134" s="143"/>
    </row>
    <row r="135" spans="1:53" ht="24" customHeight="1" x14ac:dyDescent="0.35">
      <c r="B135" s="197"/>
      <c r="C135" s="68" t="s">
        <v>253</v>
      </c>
      <c r="D135" s="23" t="s">
        <v>254</v>
      </c>
      <c r="E135" s="102" t="s">
        <v>255</v>
      </c>
      <c r="F135" s="102" t="s">
        <v>256</v>
      </c>
      <c r="G135" s="102" t="s">
        <v>257</v>
      </c>
    </row>
    <row r="136" spans="1:53" ht="24" customHeight="1" x14ac:dyDescent="0.35">
      <c r="B136" s="197"/>
      <c r="C136" s="82"/>
      <c r="D136" s="64" t="s">
        <v>258</v>
      </c>
      <c r="E136" s="147">
        <v>0.59523809523809523</v>
      </c>
      <c r="F136" s="147">
        <v>0.40476190476190477</v>
      </c>
      <c r="G136" s="148">
        <v>0</v>
      </c>
      <c r="H136" s="205" t="s">
        <v>259</v>
      </c>
      <c r="I136" s="206"/>
      <c r="J136" s="27"/>
    </row>
    <row r="137" spans="1:53" ht="24" customHeight="1" x14ac:dyDescent="0.35">
      <c r="B137" s="197"/>
      <c r="C137" s="82"/>
      <c r="D137" s="64" t="s">
        <v>260</v>
      </c>
      <c r="E137" s="147">
        <v>0.45238095238095238</v>
      </c>
      <c r="F137" s="147">
        <v>0.54761904761904767</v>
      </c>
      <c r="G137" s="148">
        <v>0</v>
      </c>
      <c r="H137" s="207"/>
      <c r="I137" s="208"/>
      <c r="J137" s="27"/>
    </row>
    <row r="138" spans="1:53" ht="24" customHeight="1" x14ac:dyDescent="0.35">
      <c r="B138" s="197"/>
      <c r="C138" s="82"/>
      <c r="D138" s="64" t="s">
        <v>261</v>
      </c>
      <c r="E138" s="147">
        <v>0.66666666666666663</v>
      </c>
      <c r="F138" s="147">
        <v>0.33333333333333331</v>
      </c>
      <c r="G138" s="148">
        <v>0</v>
      </c>
      <c r="H138" s="207"/>
      <c r="I138" s="208"/>
      <c r="J138" s="27"/>
    </row>
    <row r="139" spans="1:53" ht="24" customHeight="1" x14ac:dyDescent="0.35">
      <c r="B139" s="197"/>
      <c r="C139" s="82"/>
      <c r="D139" s="64" t="s">
        <v>262</v>
      </c>
      <c r="E139" s="147">
        <v>0.38095238095238093</v>
      </c>
      <c r="F139" s="147">
        <v>0.61904761904761907</v>
      </c>
      <c r="G139" s="148">
        <v>0</v>
      </c>
      <c r="H139" s="207"/>
      <c r="I139" s="208"/>
      <c r="J139" s="27"/>
    </row>
    <row r="140" spans="1:53" ht="24" customHeight="1" x14ac:dyDescent="0.35">
      <c r="B140" s="197"/>
      <c r="C140" s="82"/>
      <c r="D140" s="64" t="s">
        <v>263</v>
      </c>
      <c r="E140" s="147">
        <v>0.47619047619047616</v>
      </c>
      <c r="F140" s="147">
        <v>0.52380952380952384</v>
      </c>
      <c r="G140" s="148">
        <v>0</v>
      </c>
      <c r="H140" s="207"/>
      <c r="I140" s="208"/>
      <c r="J140" s="27"/>
    </row>
    <row r="141" spans="1:53" ht="24" customHeight="1" x14ac:dyDescent="0.35">
      <c r="B141" s="197"/>
      <c r="C141" s="82"/>
      <c r="D141" s="64" t="s">
        <v>264</v>
      </c>
      <c r="E141" s="147">
        <v>0.33333333333333331</v>
      </c>
      <c r="F141" s="147">
        <v>0.66666666666666663</v>
      </c>
      <c r="G141" s="148">
        <v>0</v>
      </c>
      <c r="H141" s="207"/>
      <c r="I141" s="208"/>
      <c r="J141" s="27"/>
    </row>
    <row r="142" spans="1:53" ht="24" customHeight="1" x14ac:dyDescent="0.35">
      <c r="B142" s="197"/>
      <c r="C142" s="82"/>
      <c r="D142" s="64" t="s">
        <v>265</v>
      </c>
      <c r="E142" s="147">
        <v>0.42857142857142855</v>
      </c>
      <c r="F142" s="147">
        <v>0.5714285714285714</v>
      </c>
      <c r="G142" s="148">
        <v>0</v>
      </c>
      <c r="H142" s="207"/>
      <c r="I142" s="208"/>
      <c r="J142" s="27"/>
    </row>
    <row r="143" spans="1:53" ht="24" customHeight="1" x14ac:dyDescent="0.35">
      <c r="B143" s="197"/>
      <c r="C143" s="82"/>
      <c r="D143" s="64" t="s">
        <v>266</v>
      </c>
      <c r="E143" s="147">
        <v>0.38095238095238093</v>
      </c>
      <c r="F143" s="147">
        <v>0.61904761904761907</v>
      </c>
      <c r="G143" s="148">
        <v>0</v>
      </c>
      <c r="H143" s="209"/>
      <c r="I143" s="210"/>
      <c r="J143" s="27"/>
    </row>
    <row r="144" spans="1:53" x14ac:dyDescent="0.35">
      <c r="B144" s="197"/>
      <c r="C144" s="82"/>
      <c r="E144" s="143"/>
      <c r="F144" s="104"/>
      <c r="G144" s="104"/>
      <c r="H144" s="65"/>
      <c r="J144" s="27"/>
    </row>
    <row r="145" spans="2:9" ht="24" customHeight="1" x14ac:dyDescent="0.35">
      <c r="B145" s="197"/>
      <c r="C145" s="68" t="s">
        <v>267</v>
      </c>
      <c r="D145" s="23" t="s">
        <v>268</v>
      </c>
      <c r="E145" s="102" t="s">
        <v>255</v>
      </c>
      <c r="F145" s="102" t="s">
        <v>256</v>
      </c>
      <c r="G145" s="102" t="s">
        <v>269</v>
      </c>
      <c r="H145" s="65"/>
    </row>
    <row r="146" spans="2:9" ht="24" customHeight="1" x14ac:dyDescent="0.35">
      <c r="B146" s="197"/>
      <c r="C146" s="82"/>
      <c r="D146" s="2" t="s">
        <v>270</v>
      </c>
      <c r="E146" s="147">
        <v>0.33333333333333331</v>
      </c>
      <c r="F146" s="147">
        <v>0.66666666666666663</v>
      </c>
      <c r="G146" s="148">
        <v>0</v>
      </c>
      <c r="H146" s="205" t="s">
        <v>259</v>
      </c>
      <c r="I146" s="206"/>
    </row>
    <row r="147" spans="2:9" ht="24" customHeight="1" x14ac:dyDescent="0.35">
      <c r="B147" s="197"/>
      <c r="C147" s="82"/>
      <c r="D147" s="2" t="s">
        <v>271</v>
      </c>
      <c r="E147" s="147">
        <v>0.97619047619047616</v>
      </c>
      <c r="F147" s="147">
        <v>2.3809523809523808E-2</v>
      </c>
      <c r="G147" s="148">
        <v>0</v>
      </c>
      <c r="H147" s="207"/>
      <c r="I147" s="208"/>
    </row>
    <row r="148" spans="2:9" ht="24" customHeight="1" x14ac:dyDescent="0.35">
      <c r="B148" s="197"/>
      <c r="C148" s="82"/>
      <c r="D148" s="2" t="s">
        <v>272</v>
      </c>
      <c r="E148" s="147">
        <v>0.90476190476190477</v>
      </c>
      <c r="F148" s="147">
        <v>9.5238095238095233E-2</v>
      </c>
      <c r="G148" s="148">
        <v>0</v>
      </c>
      <c r="H148" s="207"/>
      <c r="I148" s="208"/>
    </row>
    <row r="149" spans="2:9" ht="24" customHeight="1" x14ac:dyDescent="0.35">
      <c r="B149" s="197"/>
      <c r="C149" s="82"/>
      <c r="D149" s="2" t="s">
        <v>273</v>
      </c>
      <c r="E149" s="147">
        <v>0.7857142857142857</v>
      </c>
      <c r="F149" s="147">
        <v>0.21428571428571427</v>
      </c>
      <c r="G149" s="148">
        <v>0</v>
      </c>
      <c r="H149" s="207"/>
      <c r="I149" s="208"/>
    </row>
    <row r="150" spans="2:9" ht="24" customHeight="1" x14ac:dyDescent="0.35">
      <c r="B150" s="197"/>
      <c r="C150" s="82"/>
      <c r="D150" s="2" t="s">
        <v>274</v>
      </c>
      <c r="E150" s="147">
        <v>0.9285714285714286</v>
      </c>
      <c r="F150" s="147">
        <v>7.1428571428571425E-2</v>
      </c>
      <c r="G150" s="148">
        <v>0</v>
      </c>
      <c r="H150" s="207"/>
      <c r="I150" s="208"/>
    </row>
    <row r="151" spans="2:9" ht="24" customHeight="1" x14ac:dyDescent="0.35">
      <c r="B151" s="197"/>
      <c r="C151" s="82"/>
      <c r="D151" s="2" t="s">
        <v>275</v>
      </c>
      <c r="E151" s="147">
        <v>0.6428571428571429</v>
      </c>
      <c r="F151" s="147">
        <v>0.35714285714285715</v>
      </c>
      <c r="G151" s="148">
        <v>0</v>
      </c>
      <c r="H151" s="207"/>
      <c r="I151" s="208"/>
    </row>
    <row r="152" spans="2:9" ht="24" customHeight="1" x14ac:dyDescent="0.35">
      <c r="B152" s="197"/>
      <c r="C152" s="82"/>
      <c r="D152" s="2" t="s">
        <v>276</v>
      </c>
      <c r="E152" s="147">
        <v>0.40476190476190477</v>
      </c>
      <c r="F152" s="147">
        <v>0.59523809523809523</v>
      </c>
      <c r="G152" s="148">
        <v>0</v>
      </c>
      <c r="H152" s="207"/>
      <c r="I152" s="208"/>
    </row>
    <row r="153" spans="2:9" ht="24" customHeight="1" x14ac:dyDescent="0.35">
      <c r="B153" s="197"/>
      <c r="C153" s="82"/>
      <c r="D153" s="2" t="s">
        <v>277</v>
      </c>
      <c r="E153" s="147">
        <v>0.21428571428571427</v>
      </c>
      <c r="F153" s="147">
        <v>0.7857142857142857</v>
      </c>
      <c r="G153" s="148">
        <v>0</v>
      </c>
      <c r="H153" s="209"/>
      <c r="I153" s="210"/>
    </row>
    <row r="154" spans="2:9" ht="15" customHeight="1" x14ac:dyDescent="0.35">
      <c r="B154" s="197"/>
      <c r="C154" s="82"/>
      <c r="E154" s="104"/>
      <c r="F154" s="104"/>
      <c r="G154" s="104"/>
      <c r="I154" s="27"/>
    </row>
    <row r="155" spans="2:9" ht="24" customHeight="1" x14ac:dyDescent="0.35">
      <c r="B155" s="197"/>
      <c r="C155" s="82"/>
      <c r="E155" s="103" t="s">
        <v>278</v>
      </c>
      <c r="F155" s="104"/>
      <c r="G155" s="104"/>
      <c r="I155" s="27"/>
    </row>
    <row r="156" spans="2:9" ht="24" customHeight="1" x14ac:dyDescent="0.35">
      <c r="B156" s="197"/>
      <c r="C156" s="68" t="s">
        <v>279</v>
      </c>
      <c r="D156" s="2" t="s">
        <v>280</v>
      </c>
      <c r="E156" s="161">
        <v>10.833333333333334</v>
      </c>
      <c r="F156" s="104"/>
      <c r="G156" s="104"/>
      <c r="I156" s="27"/>
    </row>
    <row r="157" spans="2:9" ht="15" customHeight="1" x14ac:dyDescent="0.35">
      <c r="B157" s="197"/>
      <c r="C157" s="82"/>
      <c r="E157" s="104"/>
      <c r="F157" s="104"/>
      <c r="G157" s="104"/>
      <c r="I157" s="27"/>
    </row>
    <row r="158" spans="2:9" ht="24" customHeight="1" x14ac:dyDescent="0.35">
      <c r="B158" s="197"/>
      <c r="C158" s="82"/>
      <c r="E158" s="103" t="s">
        <v>142</v>
      </c>
      <c r="F158" s="104"/>
      <c r="G158" s="104"/>
      <c r="I158" s="27"/>
    </row>
    <row r="159" spans="2:9" ht="24" customHeight="1" x14ac:dyDescent="0.35">
      <c r="B159" s="197"/>
      <c r="C159" s="68" t="s">
        <v>281</v>
      </c>
      <c r="D159" s="2" t="s">
        <v>282</v>
      </c>
      <c r="E159" s="89">
        <v>15</v>
      </c>
      <c r="F159" s="104"/>
      <c r="G159" s="104"/>
      <c r="I159" s="27"/>
    </row>
    <row r="160" spans="2:9" ht="15" customHeight="1" x14ac:dyDescent="0.35">
      <c r="B160" s="197"/>
      <c r="C160" s="2"/>
    </row>
    <row r="161" spans="1:64" x14ac:dyDescent="0.35">
      <c r="B161" s="24"/>
      <c r="C161" s="82"/>
    </row>
    <row r="162" spans="1:64" ht="14.5" thickBot="1" x14ac:dyDescent="0.4">
      <c r="A162" s="25"/>
      <c r="B162" s="25"/>
      <c r="C162" s="83"/>
      <c r="D162" s="36"/>
      <c r="E162" s="36"/>
      <c r="F162" s="36"/>
      <c r="G162" s="36"/>
      <c r="H162" s="36"/>
      <c r="I162" s="36"/>
      <c r="J162" s="36"/>
      <c r="K162" s="36"/>
    </row>
    <row r="163" spans="1:64" x14ac:dyDescent="0.35">
      <c r="A163" s="24"/>
      <c r="B163" s="24"/>
      <c r="C163" s="82"/>
    </row>
    <row r="164" spans="1:64" ht="25" x14ac:dyDescent="0.35">
      <c r="B164" s="52" t="s">
        <v>283</v>
      </c>
      <c r="C164" s="52"/>
      <c r="D164" s="53"/>
      <c r="E164" s="53"/>
      <c r="F164" s="53"/>
      <c r="G164" s="53"/>
      <c r="H164" s="53"/>
      <c r="I164" s="53"/>
      <c r="J164" s="53"/>
    </row>
    <row r="165" spans="1:64" ht="26" customHeight="1" x14ac:dyDescent="0.35">
      <c r="B165" s="38" t="s">
        <v>284</v>
      </c>
      <c r="C165" s="38"/>
      <c r="D165" s="94" t="s">
        <v>285</v>
      </c>
      <c r="E165" s="117"/>
      <c r="F165" s="117"/>
      <c r="G165" s="117"/>
      <c r="H165" s="117"/>
      <c r="I165" s="117"/>
      <c r="J165" s="117"/>
    </row>
    <row r="166" spans="1:64" ht="26" customHeight="1" x14ac:dyDescent="0.35">
      <c r="H166" s="26"/>
      <c r="I166" s="26"/>
      <c r="J166" s="26"/>
      <c r="K166" s="26"/>
      <c r="L166" s="26"/>
      <c r="M166" s="26"/>
      <c r="N166" s="26"/>
      <c r="O166" s="26"/>
      <c r="P166" s="26"/>
      <c r="Q166" s="26"/>
      <c r="R166" s="26"/>
      <c r="S166" s="26"/>
      <c r="T166" s="26"/>
      <c r="U166" s="26"/>
      <c r="V166" s="26"/>
      <c r="W166" s="26"/>
      <c r="X166" s="26"/>
      <c r="Y166" s="26"/>
      <c r="Z166" s="26"/>
      <c r="AA166" s="26"/>
      <c r="AB166" s="26"/>
      <c r="AC166" s="26"/>
      <c r="AD166" s="26"/>
      <c r="AE166" s="26"/>
      <c r="AF166" s="26"/>
      <c r="AG166" s="26"/>
      <c r="AH166" s="26"/>
      <c r="AI166" s="26"/>
      <c r="AJ166" s="26"/>
      <c r="AK166" s="26"/>
      <c r="AL166" s="26"/>
      <c r="AM166" s="26"/>
      <c r="AN166" s="26"/>
      <c r="AO166" s="26"/>
      <c r="AP166" s="26"/>
      <c r="AQ166" s="26"/>
      <c r="AR166" s="26"/>
      <c r="AS166" s="26"/>
      <c r="AT166" s="26"/>
      <c r="AU166" s="26"/>
      <c r="AV166" s="26"/>
      <c r="AW166" s="26"/>
      <c r="AX166" s="26"/>
      <c r="AY166" s="26"/>
      <c r="AZ166" s="26"/>
      <c r="BA166" s="26"/>
      <c r="BB166" s="26"/>
      <c r="BC166" s="26"/>
      <c r="BD166" s="26"/>
      <c r="BE166" s="26"/>
      <c r="BF166" s="26"/>
      <c r="BG166" s="26"/>
      <c r="BH166" s="26"/>
      <c r="BI166" s="26"/>
      <c r="BJ166" s="26"/>
      <c r="BK166" s="26"/>
      <c r="BL166" s="26"/>
    </row>
    <row r="167" spans="1:64" s="57" customFormat="1" ht="32" customHeight="1" x14ac:dyDescent="0.35">
      <c r="A167" s="27"/>
      <c r="B167" s="167" t="s">
        <v>286</v>
      </c>
      <c r="C167" s="82"/>
      <c r="D167" s="27"/>
      <c r="E167" s="107" t="s">
        <v>287</v>
      </c>
      <c r="F167" s="204" t="s">
        <v>288</v>
      </c>
      <c r="G167" s="193"/>
      <c r="H167" s="193"/>
      <c r="I167" s="26"/>
      <c r="J167" s="26"/>
      <c r="K167" s="26"/>
      <c r="L167" s="26"/>
      <c r="M167" s="26"/>
      <c r="N167" s="26"/>
      <c r="O167" s="26"/>
      <c r="P167" s="26"/>
      <c r="Q167" s="26"/>
      <c r="R167" s="26"/>
      <c r="S167" s="26"/>
      <c r="T167" s="26"/>
      <c r="U167" s="26"/>
      <c r="V167" s="26"/>
      <c r="W167" s="26"/>
      <c r="X167" s="26"/>
      <c r="Y167" s="26"/>
      <c r="Z167" s="26"/>
      <c r="AA167" s="26"/>
      <c r="AB167" s="26"/>
      <c r="AC167" s="26"/>
      <c r="AD167" s="26"/>
      <c r="AE167" s="26"/>
      <c r="AF167" s="26"/>
      <c r="AG167" s="26"/>
      <c r="AH167" s="26"/>
      <c r="AI167" s="26"/>
      <c r="AJ167" s="26"/>
      <c r="AK167" s="26"/>
      <c r="AL167" s="26"/>
      <c r="AM167" s="26"/>
      <c r="AN167" s="26"/>
      <c r="AO167" s="26"/>
      <c r="AP167" s="26"/>
      <c r="AQ167" s="26"/>
      <c r="AR167" s="26"/>
      <c r="AS167" s="26"/>
      <c r="AT167" s="26"/>
      <c r="AU167" s="26"/>
      <c r="AV167" s="26"/>
      <c r="AW167" s="26"/>
      <c r="AX167" s="26"/>
      <c r="AY167" s="26"/>
      <c r="AZ167" s="26"/>
      <c r="BA167" s="26"/>
      <c r="BB167" s="26"/>
      <c r="BC167" s="26"/>
      <c r="BD167" s="26"/>
      <c r="BE167" s="26"/>
      <c r="BF167" s="26"/>
      <c r="BG167" s="26"/>
      <c r="BH167" s="26"/>
      <c r="BI167" s="26"/>
      <c r="BJ167" s="26"/>
      <c r="BK167" s="26"/>
      <c r="BL167" s="26"/>
    </row>
    <row r="168" spans="1:64" s="57" customFormat="1" ht="34.25" customHeight="1" x14ac:dyDescent="0.35">
      <c r="A168" s="27"/>
      <c r="B168" s="173"/>
      <c r="C168" s="84"/>
      <c r="D168" s="27" t="s">
        <v>289</v>
      </c>
      <c r="E168" s="157">
        <v>0.40322580645161293</v>
      </c>
      <c r="F168" s="199" t="s">
        <v>290</v>
      </c>
      <c r="G168" s="200"/>
      <c r="H168" s="201"/>
      <c r="I168" s="66"/>
      <c r="J168" s="26"/>
      <c r="K168" s="26"/>
      <c r="L168" s="26"/>
      <c r="M168" s="26"/>
      <c r="N168" s="26"/>
      <c r="O168" s="26"/>
      <c r="P168" s="26"/>
      <c r="Q168" s="26"/>
      <c r="R168" s="26"/>
      <c r="S168" s="26"/>
      <c r="T168" s="26"/>
      <c r="U168" s="26"/>
      <c r="V168" s="26"/>
      <c r="W168" s="26"/>
      <c r="X168" s="26"/>
      <c r="Y168" s="26"/>
      <c r="Z168" s="26"/>
      <c r="AA168" s="26"/>
      <c r="AB168" s="26"/>
      <c r="AC168" s="26"/>
      <c r="AD168" s="26"/>
      <c r="AE168" s="26"/>
      <c r="AF168" s="26"/>
      <c r="AG168" s="26"/>
      <c r="AH168" s="26"/>
      <c r="AI168" s="26"/>
      <c r="AJ168" s="26"/>
      <c r="AK168" s="26"/>
      <c r="AL168" s="26"/>
      <c r="AM168" s="26"/>
      <c r="AN168" s="26"/>
      <c r="AO168" s="26"/>
      <c r="AP168" s="26"/>
      <c r="AQ168" s="26"/>
      <c r="AR168" s="26"/>
      <c r="AS168" s="26"/>
      <c r="AT168" s="26"/>
      <c r="AU168" s="26"/>
      <c r="AV168" s="26"/>
      <c r="AW168" s="26"/>
      <c r="AX168" s="26"/>
      <c r="AY168" s="26"/>
      <c r="AZ168" s="26"/>
      <c r="BA168" s="26"/>
      <c r="BB168" s="26"/>
      <c r="BC168" s="26"/>
      <c r="BD168" s="26"/>
      <c r="BE168" s="26"/>
      <c r="BF168" s="26"/>
      <c r="BG168" s="26"/>
      <c r="BH168" s="26"/>
      <c r="BI168" s="26"/>
      <c r="BJ168" s="26"/>
      <c r="BK168" s="26"/>
      <c r="BL168" s="26"/>
    </row>
    <row r="169" spans="1:64" s="27" customFormat="1" ht="13.25" customHeight="1" x14ac:dyDescent="0.35">
      <c r="B169" s="2"/>
      <c r="C169" s="81"/>
      <c r="D169" s="2"/>
      <c r="E169" s="2"/>
      <c r="F169" s="2"/>
      <c r="G169" s="2"/>
      <c r="H169" s="2"/>
      <c r="I169" s="44"/>
      <c r="J169" s="26"/>
      <c r="K169" s="26"/>
      <c r="L169" s="26"/>
      <c r="M169" s="26"/>
      <c r="N169" s="26"/>
      <c r="O169" s="26"/>
      <c r="P169" s="26"/>
      <c r="Q169" s="26"/>
      <c r="R169" s="26"/>
      <c r="S169" s="26"/>
      <c r="T169" s="26"/>
      <c r="U169" s="26"/>
      <c r="V169" s="26"/>
      <c r="W169" s="26"/>
      <c r="X169" s="26"/>
      <c r="Y169" s="26"/>
      <c r="Z169" s="26"/>
      <c r="AA169" s="26"/>
      <c r="AB169" s="26"/>
      <c r="AC169" s="26"/>
      <c r="AD169" s="26"/>
      <c r="AE169" s="26"/>
      <c r="AF169" s="26"/>
      <c r="AG169" s="26"/>
      <c r="AH169" s="26"/>
      <c r="AI169" s="26"/>
      <c r="AJ169" s="26"/>
      <c r="AK169" s="26"/>
      <c r="AL169" s="26"/>
      <c r="AM169" s="26"/>
      <c r="AN169" s="26"/>
      <c r="AO169" s="26"/>
      <c r="AP169" s="26"/>
      <c r="AQ169" s="26"/>
      <c r="AR169" s="26"/>
      <c r="AS169" s="26"/>
      <c r="AT169" s="26"/>
      <c r="AU169" s="26"/>
      <c r="AV169" s="26"/>
      <c r="AW169" s="26"/>
      <c r="AX169" s="26"/>
      <c r="AY169" s="26"/>
      <c r="AZ169" s="26"/>
      <c r="BA169" s="26"/>
      <c r="BB169" s="26"/>
      <c r="BC169" s="26"/>
      <c r="BD169" s="26"/>
      <c r="BE169" s="26"/>
      <c r="BF169" s="26"/>
      <c r="BG169" s="26"/>
      <c r="BH169" s="26"/>
      <c r="BI169" s="26"/>
      <c r="BJ169" s="26"/>
      <c r="BK169" s="26"/>
      <c r="BL169" s="26"/>
    </row>
    <row r="170" spans="1:64" s="27" customFormat="1" ht="13.25" customHeight="1" x14ac:dyDescent="0.35">
      <c r="B170" s="2"/>
      <c r="C170" s="81"/>
      <c r="D170" s="2"/>
      <c r="E170" s="2"/>
      <c r="F170" s="2"/>
      <c r="G170" s="2"/>
      <c r="H170" s="2"/>
      <c r="I170" s="2"/>
      <c r="J170" s="2"/>
      <c r="K170" s="2"/>
    </row>
    <row r="171" spans="1:64" s="27" customFormat="1" ht="13.25" customHeight="1" x14ac:dyDescent="0.35">
      <c r="B171" s="169" t="s">
        <v>291</v>
      </c>
      <c r="C171" s="84"/>
      <c r="D171" s="2"/>
      <c r="E171" s="2"/>
      <c r="F171" s="2"/>
      <c r="G171" s="2"/>
      <c r="H171" s="2"/>
      <c r="I171" s="2"/>
      <c r="J171" s="2"/>
      <c r="K171" s="2"/>
    </row>
    <row r="172" spans="1:64" ht="24.5" customHeight="1" x14ac:dyDescent="0.35">
      <c r="B172" s="166"/>
      <c r="C172" s="84"/>
      <c r="D172" s="23" t="s">
        <v>292</v>
      </c>
      <c r="E172" s="108" t="s">
        <v>293</v>
      </c>
      <c r="F172" s="108" t="s">
        <v>294</v>
      </c>
      <c r="G172" s="67" t="s">
        <v>284</v>
      </c>
    </row>
    <row r="173" spans="1:64" ht="30" customHeight="1" x14ac:dyDescent="0.35">
      <c r="B173" s="166"/>
      <c r="C173" s="84"/>
      <c r="D173" s="2" t="s">
        <v>295</v>
      </c>
      <c r="E173" s="149">
        <v>507.8900000000001</v>
      </c>
      <c r="F173" s="105">
        <f>E173*$E$168</f>
        <v>204.79435483870972</v>
      </c>
      <c r="G173" s="180" t="s">
        <v>296</v>
      </c>
      <c r="H173" s="181"/>
      <c r="I173" s="182"/>
    </row>
    <row r="174" spans="1:64" ht="30" customHeight="1" x14ac:dyDescent="0.35">
      <c r="B174" s="166"/>
      <c r="C174" s="84"/>
      <c r="D174" s="2" t="s">
        <v>297</v>
      </c>
      <c r="E174" s="97">
        <v>1372</v>
      </c>
      <c r="F174" s="105">
        <f t="shared" ref="F174:F178" si="0">E174*$E$168</f>
        <v>553.22580645161293</v>
      </c>
      <c r="G174" s="183"/>
      <c r="H174" s="184"/>
      <c r="I174" s="185"/>
    </row>
    <row r="175" spans="1:64" ht="30" customHeight="1" x14ac:dyDescent="0.35">
      <c r="B175" s="166"/>
      <c r="C175" s="84"/>
      <c r="D175" s="2" t="s">
        <v>298</v>
      </c>
      <c r="E175" s="97">
        <v>201.05</v>
      </c>
      <c r="F175" s="106">
        <f t="shared" si="0"/>
        <v>81.068548387096783</v>
      </c>
      <c r="G175" s="183"/>
      <c r="H175" s="184"/>
      <c r="I175" s="185"/>
    </row>
    <row r="176" spans="1:64" ht="30" customHeight="1" x14ac:dyDescent="0.35">
      <c r="B176" s="166"/>
      <c r="C176" s="84"/>
      <c r="D176" s="2" t="s">
        <v>299</v>
      </c>
      <c r="E176" s="97">
        <v>201.05</v>
      </c>
      <c r="F176" s="106">
        <f t="shared" si="0"/>
        <v>81.068548387096783</v>
      </c>
      <c r="G176" s="183"/>
      <c r="H176" s="184"/>
      <c r="I176" s="185"/>
    </row>
    <row r="177" spans="2:9" ht="30" customHeight="1" x14ac:dyDescent="0.35">
      <c r="B177" s="166"/>
      <c r="C177" s="84"/>
      <c r="D177" s="2" t="s">
        <v>300</v>
      </c>
      <c r="E177" s="162">
        <v>2169</v>
      </c>
      <c r="F177" s="105">
        <f t="shared" si="0"/>
        <v>874.59677419354841</v>
      </c>
      <c r="G177" s="183"/>
      <c r="H177" s="184"/>
      <c r="I177" s="185"/>
    </row>
    <row r="178" spans="2:9" ht="30" customHeight="1" x14ac:dyDescent="0.35">
      <c r="B178" s="166"/>
      <c r="C178" s="84"/>
      <c r="D178" s="28" t="s">
        <v>301</v>
      </c>
      <c r="E178" s="150">
        <v>445.09899999999999</v>
      </c>
      <c r="F178" s="151">
        <f t="shared" si="0"/>
        <v>179.47540322580647</v>
      </c>
      <c r="G178" s="186"/>
      <c r="H178" s="187"/>
      <c r="I178" s="188"/>
    </row>
    <row r="179" spans="2:9" ht="29.4" customHeight="1" x14ac:dyDescent="0.35">
      <c r="B179" s="166"/>
      <c r="C179" s="84"/>
      <c r="D179" s="2" t="s">
        <v>302</v>
      </c>
      <c r="E179" s="152">
        <f>SUM(E173:E178)</f>
        <v>4896.0889999999999</v>
      </c>
      <c r="F179" s="152">
        <f>SUM(F173:F178)</f>
        <v>1974.2294354838714</v>
      </c>
      <c r="G179" s="189" t="s">
        <v>303</v>
      </c>
      <c r="H179" s="190"/>
      <c r="I179" s="191"/>
    </row>
    <row r="180" spans="2:9" x14ac:dyDescent="0.35">
      <c r="B180" s="166"/>
      <c r="C180" s="84"/>
      <c r="G180" s="3"/>
    </row>
    <row r="181" spans="2:9" ht="24" customHeight="1" x14ac:dyDescent="0.35">
      <c r="B181" s="166"/>
      <c r="C181" s="84"/>
      <c r="D181" s="23" t="s">
        <v>304</v>
      </c>
      <c r="E181" s="103" t="s">
        <v>305</v>
      </c>
    </row>
    <row r="182" spans="2:9" ht="26.4" customHeight="1" x14ac:dyDescent="0.35">
      <c r="B182" s="166"/>
      <c r="C182" s="84"/>
      <c r="D182" s="27" t="s">
        <v>306</v>
      </c>
      <c r="E182" s="29">
        <f t="shared" ref="E182:E187" si="1">E173/$E$179</f>
        <v>0.10373381693020697</v>
      </c>
      <c r="F182" s="194" t="s">
        <v>307</v>
      </c>
      <c r="G182" s="195"/>
      <c r="H182" s="3"/>
    </row>
    <row r="183" spans="2:9" ht="26.4" customHeight="1" x14ac:dyDescent="0.35">
      <c r="B183" s="166"/>
      <c r="C183" s="84"/>
      <c r="D183" s="27" t="s">
        <v>308</v>
      </c>
      <c r="E183" s="29">
        <f t="shared" si="1"/>
        <v>0.28022366423486172</v>
      </c>
      <c r="F183" s="194" t="s">
        <v>309</v>
      </c>
      <c r="G183" s="195"/>
      <c r="H183" s="3"/>
    </row>
    <row r="184" spans="2:9" ht="26.4" customHeight="1" x14ac:dyDescent="0.35">
      <c r="B184" s="166"/>
      <c r="C184" s="84"/>
      <c r="D184" s="27" t="s">
        <v>310</v>
      </c>
      <c r="E184" s="29">
        <f t="shared" si="1"/>
        <v>4.1063387532375331E-2</v>
      </c>
      <c r="F184" s="194" t="s">
        <v>311</v>
      </c>
      <c r="G184" s="195"/>
    </row>
    <row r="185" spans="2:9" ht="26.4" customHeight="1" x14ac:dyDescent="0.35">
      <c r="B185" s="166"/>
      <c r="C185" s="84"/>
      <c r="D185" s="27" t="s">
        <v>312</v>
      </c>
      <c r="E185" s="29">
        <f t="shared" si="1"/>
        <v>4.1063387532375331E-2</v>
      </c>
      <c r="F185" s="194" t="s">
        <v>313</v>
      </c>
      <c r="G185" s="195"/>
      <c r="H185" s="3"/>
    </row>
    <row r="186" spans="2:9" ht="26.4" customHeight="1" x14ac:dyDescent="0.35">
      <c r="B186" s="166"/>
      <c r="C186" s="84"/>
      <c r="D186" s="27" t="s">
        <v>314</v>
      </c>
      <c r="E186" s="29">
        <f t="shared" si="1"/>
        <v>0.44300665286108976</v>
      </c>
      <c r="F186" s="194" t="s">
        <v>315</v>
      </c>
      <c r="G186" s="195"/>
      <c r="H186" s="3"/>
    </row>
    <row r="187" spans="2:9" ht="26.4" customHeight="1" x14ac:dyDescent="0.35">
      <c r="B187" s="166"/>
      <c r="C187" s="84"/>
      <c r="D187" s="2" t="s">
        <v>316</v>
      </c>
      <c r="E187" s="30">
        <f t="shared" si="1"/>
        <v>9.0909090909090912E-2</v>
      </c>
      <c r="F187" s="194" t="s">
        <v>317</v>
      </c>
      <c r="G187" s="195"/>
      <c r="H187" s="3"/>
    </row>
    <row r="188" spans="2:9" ht="26.4" customHeight="1" x14ac:dyDescent="0.35">
      <c r="B188" s="31"/>
      <c r="C188" s="84"/>
      <c r="E188" s="32">
        <f>SUM(E182:E187)</f>
        <v>1</v>
      </c>
      <c r="F188" s="194" t="s">
        <v>318</v>
      </c>
      <c r="G188" s="195"/>
      <c r="H188" s="15"/>
      <c r="I188" s="15"/>
    </row>
    <row r="189" spans="2:9" x14ac:dyDescent="0.35">
      <c r="B189" s="31"/>
      <c r="C189" s="84"/>
      <c r="G189" s="15"/>
      <c r="H189" s="15"/>
      <c r="I189" s="15"/>
    </row>
    <row r="190" spans="2:9" x14ac:dyDescent="0.35">
      <c r="G190" s="15"/>
      <c r="H190" s="15"/>
      <c r="I190" s="15"/>
    </row>
    <row r="191" spans="2:9" x14ac:dyDescent="0.35">
      <c r="G191" s="15"/>
      <c r="H191" s="15"/>
      <c r="I191" s="15"/>
    </row>
    <row r="192" spans="2:9" ht="24" customHeight="1" x14ac:dyDescent="0.35">
      <c r="B192" s="169" t="s">
        <v>319</v>
      </c>
      <c r="C192" s="84"/>
      <c r="E192" s="103" t="s">
        <v>320</v>
      </c>
      <c r="F192" s="103" t="s">
        <v>321</v>
      </c>
      <c r="G192" s="16"/>
      <c r="H192" s="16"/>
      <c r="I192" s="16"/>
    </row>
    <row r="193" spans="1:11" ht="43.25" customHeight="1" x14ac:dyDescent="0.35">
      <c r="B193" s="173"/>
      <c r="C193" s="84"/>
      <c r="D193" s="2" t="s">
        <v>322</v>
      </c>
      <c r="E193" s="89">
        <v>1.8</v>
      </c>
      <c r="F193" s="97">
        <v>0.45</v>
      </c>
      <c r="G193" s="170" t="s">
        <v>323</v>
      </c>
      <c r="H193" s="171"/>
      <c r="I193" s="172"/>
    </row>
    <row r="194" spans="1:11" ht="15.5" customHeight="1" x14ac:dyDescent="0.35">
      <c r="B194" s="33"/>
      <c r="C194" s="84"/>
      <c r="G194" s="15"/>
      <c r="H194" s="15"/>
      <c r="I194" s="15"/>
    </row>
    <row r="195" spans="1:11" ht="24.5" customHeight="1" x14ac:dyDescent="0.35">
      <c r="B195" s="167" t="s">
        <v>324</v>
      </c>
      <c r="C195" s="82"/>
      <c r="E195" s="103" t="s">
        <v>325</v>
      </c>
      <c r="G195" s="16"/>
      <c r="H195" s="16"/>
      <c r="I195" s="16"/>
    </row>
    <row r="196" spans="1:11" ht="35.4" customHeight="1" x14ac:dyDescent="0.35">
      <c r="B196" s="168"/>
      <c r="C196" s="82"/>
      <c r="D196" s="2" t="s">
        <v>326</v>
      </c>
      <c r="E196" s="158">
        <v>1.7</v>
      </c>
      <c r="F196" s="170" t="s">
        <v>327</v>
      </c>
      <c r="G196" s="171"/>
      <c r="H196" s="171"/>
      <c r="I196" s="172"/>
    </row>
    <row r="197" spans="1:11" x14ac:dyDescent="0.35">
      <c r="B197" s="16"/>
      <c r="G197" s="3"/>
    </row>
    <row r="198" spans="1:11" ht="24" customHeight="1" x14ac:dyDescent="0.35">
      <c r="B198" s="167" t="s">
        <v>328</v>
      </c>
      <c r="D198" s="23" t="s">
        <v>329</v>
      </c>
      <c r="E198" s="103" t="s">
        <v>330</v>
      </c>
      <c r="F198" s="108" t="s">
        <v>331</v>
      </c>
    </row>
    <row r="199" spans="1:11" ht="32" customHeight="1" x14ac:dyDescent="0.35">
      <c r="B199" s="168"/>
      <c r="D199" s="2" t="s">
        <v>332</v>
      </c>
      <c r="E199" s="153">
        <f>E179/E196</f>
        <v>2880.0523529411767</v>
      </c>
      <c r="F199" s="153">
        <f>F179/E196</f>
        <v>1161.3114326375714</v>
      </c>
      <c r="G199" s="170" t="s">
        <v>333</v>
      </c>
      <c r="H199" s="171"/>
      <c r="I199" s="172"/>
    </row>
    <row r="200" spans="1:11" x14ac:dyDescent="0.35">
      <c r="B200" s="16"/>
      <c r="G200" s="3"/>
    </row>
    <row r="201" spans="1:11" x14ac:dyDescent="0.35">
      <c r="B201" s="16"/>
      <c r="G201" s="3"/>
    </row>
    <row r="202" spans="1:11" ht="14.5" thickBot="1" x14ac:dyDescent="0.4">
      <c r="A202" s="35"/>
      <c r="B202" s="35"/>
      <c r="C202" s="85"/>
      <c r="D202" s="36"/>
      <c r="E202" s="36"/>
      <c r="F202" s="36"/>
      <c r="G202" s="37"/>
      <c r="H202" s="36"/>
      <c r="I202" s="36"/>
      <c r="J202" s="36"/>
      <c r="K202" s="36"/>
    </row>
    <row r="203" spans="1:11" x14ac:dyDescent="0.35">
      <c r="A203" s="16"/>
      <c r="B203" s="16"/>
      <c r="G203" s="3"/>
    </row>
    <row r="204" spans="1:11" ht="25" x14ac:dyDescent="0.35">
      <c r="B204" s="52" t="s">
        <v>334</v>
      </c>
      <c r="C204" s="53"/>
      <c r="D204" s="53"/>
      <c r="E204" s="53"/>
      <c r="F204" s="53"/>
      <c r="G204" s="53"/>
      <c r="H204" s="53"/>
      <c r="I204" s="53"/>
      <c r="J204" s="53"/>
    </row>
    <row r="205" spans="1:11" ht="26" customHeight="1" x14ac:dyDescent="0.35">
      <c r="B205" s="38" t="s">
        <v>284</v>
      </c>
      <c r="C205" s="38"/>
      <c r="D205" s="39" t="s">
        <v>335</v>
      </c>
      <c r="E205" s="40"/>
      <c r="F205" s="41"/>
      <c r="G205" s="42"/>
      <c r="H205" s="42"/>
      <c r="I205" s="42"/>
      <c r="J205" s="42"/>
    </row>
    <row r="206" spans="1:11" ht="20.399999999999999" customHeight="1" x14ac:dyDescent="0.35"/>
    <row r="207" spans="1:11" ht="23.4" customHeight="1" x14ac:dyDescent="0.35"/>
    <row r="208" spans="1:11" ht="25.5" customHeight="1" x14ac:dyDescent="0.35">
      <c r="B208" s="166" t="s">
        <v>336</v>
      </c>
      <c r="C208" s="84"/>
      <c r="D208" s="23" t="s">
        <v>337</v>
      </c>
      <c r="E208" s="108" t="s">
        <v>330</v>
      </c>
      <c r="F208" s="109" t="s">
        <v>338</v>
      </c>
      <c r="G208" s="109" t="s">
        <v>339</v>
      </c>
      <c r="H208" s="102" t="s">
        <v>340</v>
      </c>
      <c r="I208" s="192" t="s">
        <v>284</v>
      </c>
      <c r="J208" s="193"/>
    </row>
    <row r="209" spans="1:11" ht="41" customHeight="1" x14ac:dyDescent="0.35">
      <c r="B209" s="166"/>
      <c r="C209" s="84"/>
      <c r="D209" s="2" t="s">
        <v>341</v>
      </c>
      <c r="E209" s="89">
        <v>209</v>
      </c>
      <c r="F209" s="155">
        <f>E209*$E$168</f>
        <v>84.274193548387103</v>
      </c>
      <c r="G209" s="155">
        <f>E209*$E$196</f>
        <v>355.3</v>
      </c>
      <c r="H209" s="153">
        <f>F209*$E$196</f>
        <v>143.26612903225808</v>
      </c>
      <c r="I209" s="174" t="s">
        <v>342</v>
      </c>
      <c r="J209" s="175"/>
    </row>
    <row r="210" spans="1:11" ht="41" customHeight="1" x14ac:dyDescent="0.35">
      <c r="B210" s="166"/>
      <c r="C210" s="84"/>
      <c r="D210" s="2" t="s">
        <v>343</v>
      </c>
      <c r="E210" s="89">
        <v>665</v>
      </c>
      <c r="F210" s="155">
        <f>E210*$E$168</f>
        <v>268.14516129032262</v>
      </c>
      <c r="G210" s="155">
        <f>E210*$E$196</f>
        <v>1130.5</v>
      </c>
      <c r="H210" s="153">
        <f>F210*$E$196</f>
        <v>455.84677419354841</v>
      </c>
      <c r="I210" s="178"/>
      <c r="J210" s="179"/>
    </row>
    <row r="211" spans="1:11" x14ac:dyDescent="0.35">
      <c r="B211" s="166"/>
      <c r="C211" s="84"/>
      <c r="E211" s="96"/>
      <c r="F211" s="156"/>
      <c r="G211" s="156"/>
      <c r="H211" s="156"/>
    </row>
    <row r="212" spans="1:11" ht="24" customHeight="1" x14ac:dyDescent="0.35">
      <c r="B212" s="166"/>
      <c r="C212" s="84"/>
      <c r="D212" s="23" t="s">
        <v>344</v>
      </c>
      <c r="E212" s="96"/>
      <c r="F212" s="156"/>
      <c r="G212" s="156"/>
      <c r="H212" s="156"/>
    </row>
    <row r="213" spans="1:11" ht="25.25" customHeight="1" x14ac:dyDescent="0.35">
      <c r="B213" s="166"/>
      <c r="C213" s="84"/>
      <c r="D213" s="2" t="s">
        <v>345</v>
      </c>
      <c r="E213" s="154">
        <v>1518</v>
      </c>
      <c r="F213" s="155">
        <f>E213*$E$168</f>
        <v>612.09677419354841</v>
      </c>
      <c r="G213" s="155">
        <f t="shared" ref="G213:H216" si="2">E213*$E$196</f>
        <v>2580.6</v>
      </c>
      <c r="H213" s="153">
        <f t="shared" si="2"/>
        <v>1040.5645161290322</v>
      </c>
      <c r="I213" s="174" t="s">
        <v>346</v>
      </c>
      <c r="J213" s="175"/>
    </row>
    <row r="214" spans="1:11" ht="25.25" customHeight="1" x14ac:dyDescent="0.35">
      <c r="B214" s="166"/>
      <c r="C214" s="84"/>
      <c r="D214" s="2" t="s">
        <v>347</v>
      </c>
      <c r="E214" s="154">
        <v>1828</v>
      </c>
      <c r="F214" s="155">
        <f>E214*$E$168</f>
        <v>737.09677419354841</v>
      </c>
      <c r="G214" s="155">
        <f t="shared" si="2"/>
        <v>3107.6</v>
      </c>
      <c r="H214" s="153">
        <f t="shared" si="2"/>
        <v>1253.0645161290322</v>
      </c>
      <c r="I214" s="176"/>
      <c r="J214" s="177"/>
    </row>
    <row r="215" spans="1:11" ht="25.25" customHeight="1" x14ac:dyDescent="0.35">
      <c r="B215" s="166"/>
      <c r="C215" s="84"/>
      <c r="D215" s="2" t="s">
        <v>348</v>
      </c>
      <c r="E215" s="154">
        <v>1894.89</v>
      </c>
      <c r="F215" s="155">
        <f>E215*$E$168</f>
        <v>764.06854838709683</v>
      </c>
      <c r="G215" s="155">
        <f t="shared" si="2"/>
        <v>3221.3130000000001</v>
      </c>
      <c r="H215" s="153">
        <f t="shared" si="2"/>
        <v>1298.9165322580645</v>
      </c>
      <c r="I215" s="176"/>
      <c r="J215" s="177"/>
    </row>
    <row r="216" spans="1:11" ht="25.25" customHeight="1" x14ac:dyDescent="0.35">
      <c r="B216" s="166"/>
      <c r="C216" s="84"/>
      <c r="D216" s="2" t="s">
        <v>349</v>
      </c>
      <c r="E216" s="154">
        <v>2673</v>
      </c>
      <c r="F216" s="155">
        <f>E216*$E$168</f>
        <v>1077.8225806451615</v>
      </c>
      <c r="G216" s="155">
        <f t="shared" si="2"/>
        <v>4544.0999999999995</v>
      </c>
      <c r="H216" s="153">
        <f t="shared" si="2"/>
        <v>1832.2983870967744</v>
      </c>
      <c r="I216" s="178"/>
      <c r="J216" s="179"/>
    </row>
    <row r="217" spans="1:11" x14ac:dyDescent="0.35">
      <c r="I217" s="3"/>
    </row>
    <row r="218" spans="1:11" x14ac:dyDescent="0.35">
      <c r="I218" s="3"/>
    </row>
    <row r="219" spans="1:11" ht="14.5" thickBot="1" x14ac:dyDescent="0.4">
      <c r="A219" s="35"/>
      <c r="B219" s="25"/>
      <c r="C219" s="83"/>
      <c r="D219" s="36"/>
      <c r="E219" s="36"/>
      <c r="F219" s="36"/>
      <c r="G219" s="36"/>
      <c r="H219" s="36"/>
      <c r="I219" s="36"/>
      <c r="J219" s="36"/>
      <c r="K219" s="36"/>
    </row>
    <row r="220" spans="1:11" x14ac:dyDescent="0.35">
      <c r="A220" s="16"/>
      <c r="B220" s="24"/>
      <c r="C220" s="82"/>
    </row>
  </sheetData>
  <mergeCells count="53">
    <mergeCell ref="F124:G127"/>
    <mergeCell ref="I75:J77"/>
    <mergeCell ref="B20:B47"/>
    <mergeCell ref="E104:G104"/>
    <mergeCell ref="F18:G18"/>
    <mergeCell ref="F24:G26"/>
    <mergeCell ref="F73:H73"/>
    <mergeCell ref="F62:G64"/>
    <mergeCell ref="F68:G70"/>
    <mergeCell ref="F38:G40"/>
    <mergeCell ref="F44:G45"/>
    <mergeCell ref="F30:G34"/>
    <mergeCell ref="F52:G55"/>
    <mergeCell ref="E107:G107"/>
    <mergeCell ref="F80:G88"/>
    <mergeCell ref="F92:G100"/>
    <mergeCell ref="F185:G185"/>
    <mergeCell ref="F186:G186"/>
    <mergeCell ref="F187:G187"/>
    <mergeCell ref="F188:G188"/>
    <mergeCell ref="B132:B160"/>
    <mergeCell ref="E113:G113"/>
    <mergeCell ref="B50:B101"/>
    <mergeCell ref="B104:B114"/>
    <mergeCell ref="E106:G106"/>
    <mergeCell ref="B167:B168"/>
    <mergeCell ref="F168:H168"/>
    <mergeCell ref="H105:H113"/>
    <mergeCell ref="F167:H167"/>
    <mergeCell ref="E112:G112"/>
    <mergeCell ref="E108:G108"/>
    <mergeCell ref="E109:G109"/>
    <mergeCell ref="E110:G110"/>
    <mergeCell ref="E111:G111"/>
    <mergeCell ref="H136:I143"/>
    <mergeCell ref="H146:I153"/>
    <mergeCell ref="B117:B129"/>
    <mergeCell ref="B208:B216"/>
    <mergeCell ref="B195:B196"/>
    <mergeCell ref="B171:B187"/>
    <mergeCell ref="F196:I196"/>
    <mergeCell ref="B192:B193"/>
    <mergeCell ref="I213:J216"/>
    <mergeCell ref="G193:I193"/>
    <mergeCell ref="G173:I178"/>
    <mergeCell ref="G199:I199"/>
    <mergeCell ref="G179:I179"/>
    <mergeCell ref="I209:J210"/>
    <mergeCell ref="I208:J208"/>
    <mergeCell ref="B198:B199"/>
    <mergeCell ref="F182:G182"/>
    <mergeCell ref="F183:G183"/>
    <mergeCell ref="F184:G184"/>
  </mergeCells>
  <pageMargins left="0.7" right="0.7" top="0.75" bottom="0.75" header="0.3" footer="0.3"/>
  <pageSetup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588A0022-3364-4F36-BDD2-86B7783717DA}">
  <ds:schemaRefs/>
</ds:datastoreItem>
</file>

<file path=customXml/itemProps2.xml><?xml version="1.0" encoding="utf-8"?>
<ds:datastoreItem xmlns:ds="http://schemas.openxmlformats.org/officeDocument/2006/customXml" ds:itemID="{8D0B7649-418F-4439-92B3-256A699B8C87}">
  <ds:schemaRefs>
    <ds:schemaRef ds:uri="http://schemas.microsoft.com/office/2006/metadata/properties"/>
    <ds:schemaRef ds:uri="http://schemas.microsoft.com/office/infopath/2007/PartnerControls"/>
    <ds:schemaRef ds:uri="35683887-f425-4375-b317-365d441d687d"/>
    <ds:schemaRef ds:uri="9ccb25dc-bb15-4f7a-be66-751184e3d1e1"/>
    <ds:schemaRef ds:uri="c0e6fccf-d412-41ce-92e1-f52d1a6e1c63"/>
    <ds:schemaRef ds:uri="f5fb090d-eab1-4403-aa07-dae045dc1122"/>
  </ds:schemaRefs>
</ds:datastoreItem>
</file>

<file path=customXml/itemProps3.xml><?xml version="1.0" encoding="utf-8"?>
<ds:datastoreItem xmlns:ds="http://schemas.openxmlformats.org/officeDocument/2006/customXml" ds:itemID="{F891010B-3490-47A2-A92E-4AEDEB785F87}"/>
</file>

<file path=customXml/itemProps4.xml><?xml version="1.0" encoding="utf-8"?>
<ds:datastoreItem xmlns:ds="http://schemas.openxmlformats.org/officeDocument/2006/customXml" ds:itemID="{5811F4D6-832A-4719-9EA0-65043395038A}">
  <ds:schemaRefs>
    <ds:schemaRef ds:uri="http://schemas.microsoft.com/sharepoint/v3/contenttype/forms"/>
  </ds:schemaRefs>
</ds:datastoreItem>
</file>

<file path=customXml/itemProps5.xml><?xml version="1.0" encoding="utf-8"?>
<ds:datastoreItem xmlns:ds="http://schemas.openxmlformats.org/officeDocument/2006/customXml" ds:itemID="{5DB285FC-7024-43F5-A31F-00A5BA4E791F}">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2</vt:i4>
      </vt:variant>
    </vt:vector>
  </HeadingPairs>
  <TitlesOfParts>
    <vt:vector size="2" baseType="lpstr">
      <vt:lpstr>1) Initial Data</vt:lpstr>
      <vt:lpstr>2) Final Dat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ocId:F1408DAA6F7C7AEF1D0897A1E8C99887</cp:keywords>
  <dc:description/>
  <cp:lastModifiedBy/>
  <cp:revision>1</cp:revision>
  <dcterms:created xsi:type="dcterms:W3CDTF">2024-04-11T08:02:05Z</dcterms:created>
  <dcterms:modified xsi:type="dcterms:W3CDTF">2025-10-31T10:25:0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